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6\Lei de Responsabilidade Fiscal\Arquivos para publicação\3º Bim 2016\"/>
    </mc:Choice>
  </mc:AlternateContent>
  <bookViews>
    <workbookView xWindow="-120" yWindow="-180" windowWidth="20610" windowHeight="7635" tabRatio="897"/>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2:$L$137</definedName>
    <definedName name="_xlnm.Print_Area" localSheetId="11">'Anexo 12 - Saúde (Estados)'!$A$2:$H$132</definedName>
    <definedName name="_xlnm.Print_Area" localSheetId="12">'Anexo 13 - Despesas PPP'!$A$1:$L$56</definedName>
    <definedName name="_xlnm.Print_Area" localSheetId="13">'Anexo 14 - Simplificado'!$A$1:$E$111</definedName>
    <definedName name="_xlnm.Print_Area" localSheetId="2">'Anexo 2 - Função'!$A$3:$L$202</definedName>
    <definedName name="_xlnm.Print_Area" localSheetId="4">'Anexo 3 - RCL Estados'!$A$1:$H$84</definedName>
    <definedName name="_xlnm.Print_Area" localSheetId="6">'Anexo 4 - RPPS Previdenciário47'!$A$1:$I$134</definedName>
    <definedName name="_xlnm.Print_Area" localSheetId="7">'Anexo 5 - Resultado Nominal'!$A$1:$G$59</definedName>
    <definedName name="_xlnm.Print_Area" localSheetId="8">'Anexo 6 - Primário Estados'!$A$1:$H$86</definedName>
    <definedName name="_xlnm.Print_Area" localSheetId="9">'Anexo 7 - RP Poder e Órgão'!$A$1:$G$102</definedName>
    <definedName name="_xlnm.Print_Area" localSheetId="10">'Anexo 8 - MDE - Estados'!$A$1:$H$195</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6</definedName>
    <definedName name="Z_15F968AB_9DD6_4E60_9FDC_FEF44C5FFDCB_.wvu.PrintArea" localSheetId="12" hidden="1">'Anexo 13 - Despesas PPP'!$A$1:$L$48</definedName>
    <definedName name="Z_15F968AB_9DD6_4E60_9FDC_FEF44C5FFDCB_.wvu.PrintArea" localSheetId="13" hidden="1">'Anexo 14 - Simplificado'!$A$1:$E$97</definedName>
    <definedName name="Z_15F968AB_9DD6_4E60_9FDC_FEF44C5FFDCB_.wvu.PrintArea" localSheetId="2" hidden="1">'Anexo 2 - Função'!$A$1:$L$191</definedName>
    <definedName name="Z_15F968AB_9DD6_4E60_9FDC_FEF44C5FFDCB_.wvu.PrintArea" localSheetId="3" hidden="1">'Anexo 2.1 - Função - Intra'!$A$1:$L$103</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1:$L$132</definedName>
    <definedName name="Z_25EF1E0D_169B_4051_B414_7E1196FC05E4_.wvu.PrintArea" localSheetId="1" hidden="1">'Anexo 1.1 Balanço Orç Intra '!$A$1:$L$104</definedName>
    <definedName name="Z_25EF1E0D_169B_4051_B414_7E1196FC05E4_.wvu.PrintArea" localSheetId="11" hidden="1">'Anexo 12 - Saúde (Estados)'!$A$1:$H$134</definedName>
    <definedName name="Z_25EF1E0D_169B_4051_B414_7E1196FC05E4_.wvu.PrintArea" localSheetId="12" hidden="1">'Anexo 13 - Despesas PPP'!$A$1:$L$58</definedName>
    <definedName name="Z_25EF1E0D_169B_4051_B414_7E1196FC05E4_.wvu.PrintArea" localSheetId="13" hidden="1">'Anexo 14 - Simplificado'!$A$1:$E$111</definedName>
    <definedName name="Z_25EF1E0D_169B_4051_B414_7E1196FC05E4_.wvu.PrintArea" localSheetId="2" hidden="1">'Anexo 2 - Função'!$A$1:$L$201</definedName>
    <definedName name="Z_25EF1E0D_169B_4051_B414_7E1196FC05E4_.wvu.PrintArea" localSheetId="3" hidden="1">'Anexo 2.1 - Função - Intra'!$A$1:$L$113</definedName>
    <definedName name="Z_25EF1E0D_169B_4051_B414_7E1196FC05E4_.wvu.PrintArea" localSheetId="4" hidden="1">'Anexo 3 - RCL Estados'!$A$1:$H$84</definedName>
    <definedName name="Z_25EF1E0D_169B_4051_B414_7E1196FC05E4_.wvu.PrintArea" localSheetId="5" hidden="1">'Anexo 4 - RPPS Financeiro FR 40'!$A$1:$I$135</definedName>
    <definedName name="Z_25EF1E0D_169B_4051_B414_7E1196FC05E4_.wvu.PrintArea" localSheetId="6" hidden="1">'Anexo 4 - RPPS Previdenciário47'!$A$1:$I$135</definedName>
    <definedName name="Z_25EF1E0D_169B_4051_B414_7E1196FC05E4_.wvu.PrintArea" localSheetId="7" hidden="1">'Anexo 5 - Resultado Nominal'!$A$1:$G$59</definedName>
    <definedName name="Z_25EF1E0D_169B_4051_B414_7E1196FC05E4_.wvu.PrintArea" localSheetId="8" hidden="1">'Anexo 6 - Primário Estados'!$A$1:$H$87</definedName>
    <definedName name="Z_25EF1E0D_169B_4051_B414_7E1196FC05E4_.wvu.PrintArea" localSheetId="9" hidden="1">'Anexo 7 - RP Poder e Órgão'!$A$1:$G$101</definedName>
    <definedName name="Z_25EF1E0D_169B_4051_B414_7E1196FC05E4_.wvu.PrintArea" localSheetId="10" hidden="1">'Anexo 8 - MDE - Estados'!$A$1:$H$196</definedName>
    <definedName name="Z_3AAF6A5F_F9AA_430B_9AD9_1261ECDF41B5_.wvu.PrintArea" localSheetId="0" hidden="1">'Anexo 1 - Balanço Orçamentário'!$A$1:$L$132</definedName>
    <definedName name="Z_3AAF6A5F_F9AA_430B_9AD9_1261ECDF41B5_.wvu.PrintArea" localSheetId="1" hidden="1">'Anexo 1.1 Balanço Orç Intra '!$A$1:$L$104</definedName>
    <definedName name="Z_3AAF6A5F_F9AA_430B_9AD9_1261ECDF41B5_.wvu.PrintArea" localSheetId="11" hidden="1">'Anexo 12 - Saúde (Estados)'!$A$1:$H$134</definedName>
    <definedName name="Z_3AAF6A5F_F9AA_430B_9AD9_1261ECDF41B5_.wvu.PrintArea" localSheetId="12" hidden="1">'Anexo 13 - Despesas PPP'!$A$1:$L$58</definedName>
    <definedName name="Z_3AAF6A5F_F9AA_430B_9AD9_1261ECDF41B5_.wvu.PrintArea" localSheetId="13" hidden="1">'Anexo 14 - Simplificado'!$A$1:$E$111</definedName>
    <definedName name="Z_3AAF6A5F_F9AA_430B_9AD9_1261ECDF41B5_.wvu.PrintArea" localSheetId="2" hidden="1">'Anexo 2 - Função'!$A$1:$L$201</definedName>
    <definedName name="Z_3AAF6A5F_F9AA_430B_9AD9_1261ECDF41B5_.wvu.PrintArea" localSheetId="3" hidden="1">'Anexo 2.1 - Função - Intra'!$A$1:$L$113</definedName>
    <definedName name="Z_3AAF6A5F_F9AA_430B_9AD9_1261ECDF41B5_.wvu.PrintArea" localSheetId="4" hidden="1">'Anexo 3 - RCL Estados'!$A$1:$H$84</definedName>
    <definedName name="Z_3AAF6A5F_F9AA_430B_9AD9_1261ECDF41B5_.wvu.PrintArea" localSheetId="5" hidden="1">'Anexo 4 - RPPS Financeiro FR 40'!$A$1:$I$135</definedName>
    <definedName name="Z_3AAF6A5F_F9AA_430B_9AD9_1261ECDF41B5_.wvu.PrintArea" localSheetId="6" hidden="1">'Anexo 4 - RPPS Previdenciário47'!$A$1:$I$135</definedName>
    <definedName name="Z_3AAF6A5F_F9AA_430B_9AD9_1261ECDF41B5_.wvu.PrintArea" localSheetId="7" hidden="1">'Anexo 5 - Resultado Nominal'!$A$1:$G$59</definedName>
    <definedName name="Z_3AAF6A5F_F9AA_430B_9AD9_1261ECDF41B5_.wvu.PrintArea" localSheetId="8" hidden="1">'Anexo 6 - Primário Estados'!$A$1:$H$87</definedName>
    <definedName name="Z_3AAF6A5F_F9AA_430B_9AD9_1261ECDF41B5_.wvu.PrintArea" localSheetId="9" hidden="1">'Anexo 7 - RP Poder e Órgão'!$A$1:$G$101</definedName>
    <definedName name="Z_3AAF6A5F_F9AA_430B_9AD9_1261ECDF41B5_.wvu.PrintArea" localSheetId="10" hidden="1">'Anexo 8 - MDE - Estados'!$A$1:$H$196</definedName>
    <definedName name="Z_6DBFA32C_4AA4_4E1D_9A48_697377C64CC3_.wvu.PrintArea" localSheetId="0" hidden="1">'Anexo 1 - Balanço Orçamentário'!$A$1:$L$132</definedName>
    <definedName name="Z_6DBFA32C_4AA4_4E1D_9A48_697377C64CC3_.wvu.PrintArea" localSheetId="1" hidden="1">'Anexo 1.1 Balanço Orç Intra '!$A$1:$L$104</definedName>
    <definedName name="Z_6DBFA32C_4AA4_4E1D_9A48_697377C64CC3_.wvu.PrintArea" localSheetId="11" hidden="1">'Anexo 12 - Saúde (Estados)'!$A$1:$H$134</definedName>
    <definedName name="Z_6DBFA32C_4AA4_4E1D_9A48_697377C64CC3_.wvu.PrintArea" localSheetId="12" hidden="1">'Anexo 13 - Despesas PPP'!$A$1:$L$58</definedName>
    <definedName name="Z_6DBFA32C_4AA4_4E1D_9A48_697377C64CC3_.wvu.PrintArea" localSheetId="13" hidden="1">'Anexo 14 - Simplificado'!$A$1:$E$111</definedName>
    <definedName name="Z_6DBFA32C_4AA4_4E1D_9A48_697377C64CC3_.wvu.PrintArea" localSheetId="2" hidden="1">'Anexo 2 - Função'!$A$1:$L$201</definedName>
    <definedName name="Z_6DBFA32C_4AA4_4E1D_9A48_697377C64CC3_.wvu.PrintArea" localSheetId="3" hidden="1">'Anexo 2.1 - Função - Intra'!$A$1:$L$113</definedName>
    <definedName name="Z_6DBFA32C_4AA4_4E1D_9A48_697377C64CC3_.wvu.PrintArea" localSheetId="4" hidden="1">'Anexo 3 - RCL Estados'!$A$1:$H$84</definedName>
    <definedName name="Z_6DBFA32C_4AA4_4E1D_9A48_697377C64CC3_.wvu.PrintArea" localSheetId="5" hidden="1">'Anexo 4 - RPPS Financeiro FR 40'!$A$1:$I$135</definedName>
    <definedName name="Z_6DBFA32C_4AA4_4E1D_9A48_697377C64CC3_.wvu.PrintArea" localSheetId="6" hidden="1">'Anexo 4 - RPPS Previdenciário47'!$A$1:$I$135</definedName>
    <definedName name="Z_6DBFA32C_4AA4_4E1D_9A48_697377C64CC3_.wvu.PrintArea" localSheetId="7" hidden="1">'Anexo 5 - Resultado Nominal'!$A$1:$G$59</definedName>
    <definedName name="Z_6DBFA32C_4AA4_4E1D_9A48_697377C64CC3_.wvu.PrintArea" localSheetId="8" hidden="1">'Anexo 6 - Primário Estados'!$A$1:$H$87</definedName>
    <definedName name="Z_6DBFA32C_4AA4_4E1D_9A48_697377C64CC3_.wvu.PrintArea" localSheetId="9" hidden="1">'Anexo 7 - RP Poder e Órgão'!$A$1:$G$101</definedName>
    <definedName name="Z_6DBFA32C_4AA4_4E1D_9A48_697377C64CC3_.wvu.PrintArea" localSheetId="10" hidden="1">'Anexo 8 - MDE - Estados'!$A$1:$H$196</definedName>
    <definedName name="Z_82EDB5A4_4824_4632_A540_7A52C92F04C7_.wvu.PrintArea" localSheetId="0" hidden="1">'Anexo 1 - Balanço Orçamentário'!$A$2:$L$137</definedName>
    <definedName name="Z_82EDB5A4_4824_4632_A540_7A52C92F04C7_.wvu.PrintArea" localSheetId="11" hidden="1">'Anexo 12 - Saúde (Estados)'!$A$2:$H$132</definedName>
    <definedName name="Z_82EDB5A4_4824_4632_A540_7A52C92F04C7_.wvu.PrintArea" localSheetId="12" hidden="1">'Anexo 13 - Despesas PPP'!$A$1:$L$56</definedName>
    <definedName name="Z_82EDB5A4_4824_4632_A540_7A52C92F04C7_.wvu.PrintArea" localSheetId="13" hidden="1">'Anexo 14 - Simplificado'!$A$1:$E$111</definedName>
    <definedName name="Z_82EDB5A4_4824_4632_A540_7A52C92F04C7_.wvu.PrintArea" localSheetId="2" hidden="1">'Anexo 2 - Função'!$A$3:$L$202</definedName>
    <definedName name="Z_82EDB5A4_4824_4632_A540_7A52C92F04C7_.wvu.PrintArea" localSheetId="4" hidden="1">'Anexo 3 - RCL Estados'!$A$1:$H$84</definedName>
    <definedName name="Z_82EDB5A4_4824_4632_A540_7A52C92F04C7_.wvu.PrintArea" localSheetId="6" hidden="1">'Anexo 4 - RPPS Previdenciário47'!$A$1:$I$134</definedName>
    <definedName name="Z_82EDB5A4_4824_4632_A540_7A52C92F04C7_.wvu.PrintArea" localSheetId="7" hidden="1">'Anexo 5 - Resultado Nominal'!$A$1:$G$59</definedName>
    <definedName name="Z_82EDB5A4_4824_4632_A540_7A52C92F04C7_.wvu.PrintArea" localSheetId="8" hidden="1">'Anexo 6 - Primário Estados'!$A$1:$H$87</definedName>
    <definedName name="Z_82EDB5A4_4824_4632_A540_7A52C92F04C7_.wvu.PrintArea" localSheetId="9" hidden="1">'Anexo 7 - RP Poder e Órgão'!$A$1:$G$102</definedName>
    <definedName name="Z_82EDB5A4_4824_4632_A540_7A52C92F04C7_.wvu.PrintArea" localSheetId="10" hidden="1">'Anexo 8 - MDE - Estados'!$A$1:$H$197</definedName>
    <definedName name="Z_82EDB5A4_4824_4632_A540_7A52C92F04C7_.wvu.Rows" localSheetId="0" hidden="1">'Anexo 1 - Balanço Orçamentário'!$77:$82,'Anexo 1 - Balanço Orçamentário'!$111:$116</definedName>
    <definedName name="Z_B4FED47C_EE37_4843_A570_282D4F8229D4_.wvu.PrintArea" localSheetId="0" hidden="1">'Anexo 1 - Balanço Orçamentário'!$A$1:$L$132</definedName>
    <definedName name="Z_B4FED47C_EE37_4843_A570_282D4F8229D4_.wvu.PrintArea" localSheetId="1" hidden="1">'Anexo 1.1 Balanço Orç Intra '!$A$1:$L$104</definedName>
    <definedName name="Z_B4FED47C_EE37_4843_A570_282D4F8229D4_.wvu.PrintArea" localSheetId="11" hidden="1">'Anexo 12 - Saúde (Estados)'!$A$1:$H$134</definedName>
    <definedName name="Z_B4FED47C_EE37_4843_A570_282D4F8229D4_.wvu.PrintArea" localSheetId="12" hidden="1">'Anexo 13 - Despesas PPP'!$A$1:$L$58</definedName>
    <definedName name="Z_B4FED47C_EE37_4843_A570_282D4F8229D4_.wvu.PrintArea" localSheetId="13" hidden="1">'Anexo 14 - Simplificado'!$A$1:$E$111</definedName>
    <definedName name="Z_B4FED47C_EE37_4843_A570_282D4F8229D4_.wvu.PrintArea" localSheetId="2" hidden="1">'Anexo 2 - Função'!$A$1:$L$201</definedName>
    <definedName name="Z_B4FED47C_EE37_4843_A570_282D4F8229D4_.wvu.PrintArea" localSheetId="3" hidden="1">'Anexo 2.1 - Função - Intra'!$A$1:$L$113</definedName>
    <definedName name="Z_B4FED47C_EE37_4843_A570_282D4F8229D4_.wvu.PrintArea" localSheetId="4" hidden="1">'Anexo 3 - RCL Estados'!$A$1:$H$84</definedName>
    <definedName name="Z_B4FED47C_EE37_4843_A570_282D4F8229D4_.wvu.PrintArea" localSheetId="5" hidden="1">'Anexo 4 - RPPS Financeiro FR 40'!$A$1:$I$135</definedName>
    <definedName name="Z_B4FED47C_EE37_4843_A570_282D4F8229D4_.wvu.PrintArea" localSheetId="6" hidden="1">'Anexo 4 - RPPS Previdenciário47'!$A$1:$I$135</definedName>
    <definedName name="Z_B4FED47C_EE37_4843_A570_282D4F8229D4_.wvu.PrintArea" localSheetId="7" hidden="1">'Anexo 5 - Resultado Nominal'!$A$1:$G$59</definedName>
    <definedName name="Z_B4FED47C_EE37_4843_A570_282D4F8229D4_.wvu.PrintArea" localSheetId="8" hidden="1">'Anexo 6 - Primário Estados'!$A$1:$H$87</definedName>
    <definedName name="Z_B4FED47C_EE37_4843_A570_282D4F8229D4_.wvu.PrintArea" localSheetId="9" hidden="1">'Anexo 7 - RP Poder e Órgão'!$A$1:$G$101</definedName>
    <definedName name="Z_B4FED47C_EE37_4843_A570_282D4F8229D4_.wvu.PrintArea" localSheetId="10" hidden="1">'Anexo 8 - MDE - Estados'!$A$1:$H$196</definedName>
    <definedName name="Z_C779D862_DE28_46CD_A428_4AAA1056D1E1_.wvu.PrintArea" localSheetId="0" hidden="1">'Anexo 1 - Balanço Orçamentário'!$A$1:$L$132</definedName>
    <definedName name="Z_C779D862_DE28_46CD_A428_4AAA1056D1E1_.wvu.PrintArea" localSheetId="1" hidden="1">'Anexo 1.1 Balanço Orç Intra '!$A$1:$L$104</definedName>
    <definedName name="Z_C779D862_DE28_46CD_A428_4AAA1056D1E1_.wvu.PrintArea" localSheetId="11" hidden="1">'Anexo 12 - Saúde (Estados)'!$A$1:$H$134</definedName>
    <definedName name="Z_C779D862_DE28_46CD_A428_4AAA1056D1E1_.wvu.PrintArea" localSheetId="12" hidden="1">'Anexo 13 - Despesas PPP'!$A$1:$L$58</definedName>
    <definedName name="Z_C779D862_DE28_46CD_A428_4AAA1056D1E1_.wvu.PrintArea" localSheetId="13" hidden="1">'Anexo 14 - Simplificado'!$A$1:$E$111</definedName>
    <definedName name="Z_C779D862_DE28_46CD_A428_4AAA1056D1E1_.wvu.PrintArea" localSheetId="2" hidden="1">'Anexo 2 - Função'!$A$1:$L$201</definedName>
    <definedName name="Z_C779D862_DE28_46CD_A428_4AAA1056D1E1_.wvu.PrintArea" localSheetId="3" hidden="1">'Anexo 2.1 - Função - Intra'!$A$1:$L$113</definedName>
    <definedName name="Z_C779D862_DE28_46CD_A428_4AAA1056D1E1_.wvu.PrintArea" localSheetId="4" hidden="1">'Anexo 3 - RCL Estados'!$A$1:$H$84</definedName>
    <definedName name="Z_C779D862_DE28_46CD_A428_4AAA1056D1E1_.wvu.PrintArea" localSheetId="5" hidden="1">'Anexo 4 - RPPS Financeiro FR 40'!$A$1:$I$135</definedName>
    <definedName name="Z_C779D862_DE28_46CD_A428_4AAA1056D1E1_.wvu.PrintArea" localSheetId="6" hidden="1">'Anexo 4 - RPPS Previdenciário47'!$A$1:$I$135</definedName>
    <definedName name="Z_C779D862_DE28_46CD_A428_4AAA1056D1E1_.wvu.PrintArea" localSheetId="7" hidden="1">'Anexo 5 - Resultado Nominal'!$A$1:$G$59</definedName>
    <definedName name="Z_C779D862_DE28_46CD_A428_4AAA1056D1E1_.wvu.PrintArea" localSheetId="8" hidden="1">'Anexo 6 - Primário Estados'!$A$1:$H$87</definedName>
    <definedName name="Z_C779D862_DE28_46CD_A428_4AAA1056D1E1_.wvu.PrintArea" localSheetId="9" hidden="1">'Anexo 7 - RP Poder e Órgão'!$A$1:$G$101</definedName>
    <definedName name="Z_C779D862_DE28_46CD_A428_4AAA1056D1E1_.wvu.PrintArea" localSheetId="10" hidden="1">'Anexo 8 - MDE - Estados'!$A$1:$H$19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7</definedName>
    <definedName name="Z_D5976633_8ECB_4B00_B200_C7467CF5B10F_.wvu.PrintArea" localSheetId="2" hidden="1">'Anexo 2 - Função'!$A$1:$L$182</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ustomWorkbookViews>
    <customWorkbookView name="CLÁUDIO JOSÉ DAINESE - Modo de exibição pessoal" guid="{C779D862-DE28-46CD-A428-4AAA1056D1E1}" mergeInterval="0" personalView="1" maximized="1" xWindow="-8" yWindow="-8" windowWidth="1382" windowHeight="744" tabRatio="894" activeSheetId="1" showComments="commIndAndComment"/>
    <customWorkbookView name="vyasunaka - Modo de exibição pessoal" guid="{82EDB5A4-4824-4632-A540-7A52C92F04C7}" mergeInterval="0" personalView="1" maximized="1" xWindow="-4" yWindow="-4" windowWidth="1374" windowHeight="732" tabRatio="893" activeSheetId="12"/>
    <customWorkbookView name="rooliveira - Modo de exibição pessoal" guid="{3AAF6A5F-F9AA-430B-9AD9-1261ECDF41B5}" mergeInterval="0" personalView="1" maximized="1" xWindow="-8" yWindow="-8" windowWidth="1382" windowHeight="744" tabRatio="854" activeSheetId="10"/>
    <customWorkbookView name="cdainese - Modo de exibição pessoal" guid="{15F968AB-9DD6-4E60-9FDC-FEF44C5FFDCB}" mergeInterval="0" personalView="1" maximized="1" xWindow="1" yWindow="1" windowWidth="1362" windowHeight="538" tabRatio="951" activeSheetId="9"/>
    <customWorkbookView name="natalino gonçalves de almeida - Modo de exibição pessoal" guid="{D5976633-8ECB-4B00-B200-C7467CF5B10F}" mergeInterval="0" personalView="1" maximized="1" windowWidth="1362" windowHeight="543" tabRatio="951" activeSheetId="11"/>
    <customWorkbookView name="Vicente - Modo de exibição pessoal" guid="{B4FED47C-EE37-4843-A570-282D4F8229D4}" mergeInterval="0" personalView="1" maximized="1" windowWidth="1362" windowHeight="509" tabRatio="773" activeSheetId="8"/>
    <customWorkbookView name="sandrade - Modo de exibição pessoal" guid="{6DBFA32C-4AA4-4E1D-9A48-697377C64CC3}" mergeInterval="0" personalView="1" maximized="1" xWindow="-8" yWindow="-8" windowWidth="1382" windowHeight="744" tabRatio="947" activeSheetId="10"/>
    <customWorkbookView name="JOSE CARLOS BERNARDI - Modo de exibição pessoal" guid="{25EF1E0D-169B-4051-B414-7E1196FC05E4}" mergeInterval="0" personalView="1" maximized="1" xWindow="-8" yWindow="-8" windowWidth="1382" windowHeight="744" tabRatio="773" activeSheetId="11"/>
  </customWorkbookViews>
  <fileRecoveryPr autoRecover="0"/>
</workbook>
</file>

<file path=xl/sharedStrings.xml><?xml version="1.0" encoding="utf-8"?>
<sst xmlns="http://schemas.openxmlformats.org/spreadsheetml/2006/main" count="1737" uniqueCount="896">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PLANO PREVIDENCIÁRIO - ORÇAMENTO DA SEGURIDADE SOCIAL</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CEITA RESULTANTE DE IMPOSTOS</t>
  </si>
  <si>
    <t>(caput do art. 212 da Constituição)</t>
  </si>
  <si>
    <t>RECEITAS ADICIONAIS PARA FINANCIAMENTO DO ENSINO</t>
  </si>
  <si>
    <t xml:space="preserve">   Promoção Comercial</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    Alienação de Bens (V)</t>
  </si>
  <si>
    <t>JUL/2015</t>
  </si>
  <si>
    <t>AGO/2015</t>
  </si>
  <si>
    <t>SET/2015</t>
  </si>
  <si>
    <t>OUT/2015</t>
  </si>
  <si>
    <t xml:space="preserve">       Transferências Constitucionais e Legais</t>
  </si>
  <si>
    <t xml:space="preserve">       Demais Despesas Correntes</t>
  </si>
  <si>
    <t>NOV/2015</t>
  </si>
  <si>
    <t>DEZ/2015</t>
  </si>
  <si>
    <t>JAN/2016</t>
  </si>
  <si>
    <t>FEV/2016</t>
  </si>
  <si>
    <t>2016</t>
  </si>
  <si>
    <t xml:space="preserve">   Saneamento Básico Rural</t>
  </si>
  <si>
    <t xml:space="preserve">   DesenvolvimentoTecnológico e Engenharia</t>
  </si>
  <si>
    <t xml:space="preserve">   Assistência à Criança e ao Adolescente</t>
  </si>
  <si>
    <t xml:space="preserve">   Promoção da Produção Vegetal</t>
  </si>
  <si>
    <t xml:space="preserve">   Promoção da Produção Animal</t>
  </si>
  <si>
    <t xml:space="preserve">   Defesa Sanitária Animal</t>
  </si>
  <si>
    <t xml:space="preserve">   Transferências</t>
  </si>
  <si>
    <t xml:space="preserve">   Conservação deEnergia</t>
  </si>
  <si>
    <t>Em 31/Dez/2015</t>
  </si>
  <si>
    <t xml:space="preserve"> Em 2016</t>
  </si>
  <si>
    <t>Em 2015</t>
  </si>
  <si>
    <t>Inscritos em 2015</t>
  </si>
  <si>
    <t>REGISTROS EFETUADOS EM 2016</t>
  </si>
  <si>
    <t>52- SALDO FINANCEIRO EM 31 DE DEZEMBRO DE 2015</t>
  </si>
  <si>
    <t xml:space="preserve">   Compensações Financeiras provenientes de Impostos e Transferências Constitucionais</t>
  </si>
  <si>
    <t>CANCELADO EM 2016 (j)</t>
  </si>
  <si>
    <t>Saldo Final</t>
  </si>
  <si>
    <t xml:space="preserve"> (Não Aplicado)</t>
  </si>
  <si>
    <t>Resultado</t>
  </si>
  <si>
    <t xml:space="preserve"> Apurado</t>
  </si>
  <si>
    <t>Em 30/Abr/2016</t>
  </si>
  <si>
    <t>MAR/2016</t>
  </si>
  <si>
    <t>ABR/2016</t>
  </si>
  <si>
    <t xml:space="preserve"> </t>
  </si>
  <si>
    <t>JANEIRO A JUNHO DE 2016 - BIMESTRE MAIO-JUNHO</t>
  </si>
  <si>
    <t>JULHO 2015 A JUNHO 2016</t>
  </si>
  <si>
    <t>MAI/2016</t>
  </si>
  <si>
    <t>JUN/2016</t>
  </si>
  <si>
    <t>Em 30/Jun/2016</t>
  </si>
  <si>
    <t>Diferença de limite não cumprido em 2015</t>
  </si>
  <si>
    <t>Inscritos em 2014</t>
  </si>
  <si>
    <t xml:space="preserve">           Integralização do Capital Social</t>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7" formatCode="&quot;R$&quot;\ #,##0.00;\-&quot;R$&quot;\ #,##0.00"/>
    <numFmt numFmtId="43" formatCode="_-* #,##0.00_-;\-* #,##0.00_-;_-* &quot;-&quot;??_-;_-@_-"/>
    <numFmt numFmtId="164" formatCode="&quot;R$ &quot;#,##0.00_);[Red]\(&quot;R$ &quot;#,##0.00\)"/>
    <numFmt numFmtId="165" formatCode="_(* #,##0.00_);_(* \(#,##0.00\);_(* &quot;-&quot;??_);_(@_)"/>
    <numFmt numFmtId="166" formatCode="#,##0.0_);\(#,##0.0\)"/>
    <numFmt numFmtId="167" formatCode="&quot;R$&quot;\ #,##0.00"/>
    <numFmt numFmtId="168" formatCode="&quot;R$&quot;\ #,##0.00;[Red]&quot;R$&quot;\ #,##0.00"/>
  </numFmts>
  <fonts count="28"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sz val="8"/>
      <name val="Verdana"/>
      <family val="2"/>
    </font>
    <font>
      <b/>
      <sz val="8"/>
      <name val="Verdana"/>
      <family val="2"/>
    </font>
    <font>
      <b/>
      <sz val="8"/>
      <name val="Verdana"/>
      <family val="2"/>
    </font>
    <font>
      <sz val="8"/>
      <name val="Verdana"/>
      <family val="2"/>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054">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3" xfId="0"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13"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4" fillId="0" borderId="0" xfId="5" applyFont="1" applyFill="1" applyAlignment="1">
      <alignment vertical="center"/>
    </xf>
    <xf numFmtId="43" fontId="4" fillId="0" borderId="0" xfId="5" applyFont="1" applyFill="1" applyBorder="1" applyAlignment="1">
      <alignment vertical="center"/>
    </xf>
    <xf numFmtId="43" fontId="4" fillId="0" borderId="0" xfId="5" applyFont="1" applyFill="1" applyAlignment="1">
      <alignment horizontal="center"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 xfId="5" applyFont="1" applyFill="1" applyBorder="1" applyAlignment="1">
      <alignment horizontal="center"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xf>
    <xf numFmtId="43" fontId="5" fillId="2" borderId="15" xfId="1" applyNumberFormat="1" applyFont="1" applyFill="1" applyBorder="1" applyAlignment="1">
      <alignment vertical="center"/>
    </xf>
    <xf numFmtId="43" fontId="4" fillId="0" borderId="2" xfId="1" applyNumberFormat="1" applyFont="1" applyFill="1" applyBorder="1" applyAlignment="1">
      <alignment horizontal="center"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0" borderId="0" xfId="1" applyNumberFormat="1" applyFont="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9" fillId="0" borderId="3" xfId="0" applyFont="1" applyFill="1" applyBorder="1" applyAlignment="1">
      <alignment horizontal="left" vertical="center"/>
    </xf>
    <xf numFmtId="0" fontId="19" fillId="0" borderId="0" xfId="0" applyFont="1" applyFill="1" applyAlignment="1">
      <alignment vertical="center"/>
    </xf>
    <xf numFmtId="165" fontId="0" fillId="0" borderId="0" xfId="0" applyNumberFormat="1" applyAlignment="1">
      <alignment horizontal="center" wrapText="1"/>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Alignment="1">
      <alignment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43" fontId="5" fillId="0" borderId="5" xfId="1" applyNumberFormat="1" applyFont="1" applyFill="1" applyBorder="1" applyAlignment="1">
      <alignment horizontal="center" vertical="center" wrapText="1"/>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165" fontId="4" fillId="0" borderId="14" xfId="0" applyNumberFormat="1" applyFont="1" applyFill="1" applyBorder="1" applyAlignment="1">
      <alignment vertical="center"/>
    </xf>
    <xf numFmtId="165" fontId="4" fillId="0" borderId="12" xfId="0" applyNumberFormat="1" applyFont="1" applyFill="1" applyBorder="1" applyAlignment="1">
      <alignment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0" xfId="0" applyFont="1" applyFill="1" applyBorder="1" applyAlignment="1">
      <alignmen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0" fontId="4" fillId="0" borderId="3" xfId="0" applyFont="1" applyFill="1" applyBorder="1" applyAlignment="1">
      <alignment horizontal="lef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4" fillId="0" borderId="0" xfId="1" applyNumberFormat="1" applyFont="1" applyFill="1" applyAlignment="1">
      <alignment horizontal="right" vertical="center"/>
    </xf>
    <xf numFmtId="43" fontId="4" fillId="0" borderId="0" xfId="0" applyNumberFormat="1" applyFont="1" applyFill="1" applyAlignment="1">
      <alignment horizontal="center"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0" fontId="5" fillId="0" borderId="12" xfId="1" applyFont="1" applyBorder="1" applyAlignment="1">
      <alignment horizontal="left" vertical="center" wrapText="1"/>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4" fillId="0" borderId="0" xfId="5" applyFont="1" applyFill="1" applyBorder="1" applyAlignment="1">
      <alignment horizontal="center" vertical="center"/>
    </xf>
    <xf numFmtId="0" fontId="4" fillId="0" borderId="0" xfId="0" applyFont="1" applyFill="1" applyBorder="1" applyAlignment="1">
      <alignment horizontal="center" vertical="center"/>
    </xf>
    <xf numFmtId="43" fontId="4" fillId="0" borderId="0"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3" fontId="4" fillId="0" borderId="0" xfId="0" applyNumberFormat="1" applyFont="1" applyFill="1" applyAlignment="1">
      <alignmen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165" fontId="4" fillId="0" borderId="13" xfId="0" applyNumberFormat="1" applyFont="1" applyFill="1" applyBorder="1" applyAlignment="1">
      <alignment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10"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11" xfId="5" applyNumberFormat="1" applyFont="1" applyFill="1" applyBorder="1" applyAlignment="1">
      <alignment horizontal="right" vertical="center"/>
    </xf>
    <xf numFmtId="165" fontId="5" fillId="2" borderId="9" xfId="5" applyNumberFormat="1" applyFont="1" applyFill="1" applyBorder="1" applyAlignment="1">
      <alignment horizontal="right" vertical="center" wrapText="1"/>
    </xf>
    <xf numFmtId="165" fontId="5" fillId="2" borderId="10"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5" fillId="0" borderId="2" xfId="5" applyNumberFormat="1" applyFont="1" applyFill="1" applyBorder="1" applyAlignment="1">
      <alignment horizontal="center" vertical="center"/>
    </xf>
    <xf numFmtId="165" fontId="4" fillId="0" borderId="2" xfId="5" applyNumberFormat="1" applyFont="1" applyFill="1" applyBorder="1" applyAlignment="1">
      <alignment horizontal="center" vertical="center"/>
    </xf>
    <xf numFmtId="165" fontId="24" fillId="0" borderId="2" xfId="5" applyNumberFormat="1" applyFont="1" applyFill="1" applyBorder="1" applyAlignment="1">
      <alignment vertical="center"/>
    </xf>
    <xf numFmtId="165" fontId="5" fillId="0" borderId="1" xfId="5" applyNumberFormat="1" applyFont="1" applyFill="1" applyBorder="1" applyAlignment="1">
      <alignment vertical="center"/>
    </xf>
    <xf numFmtId="165" fontId="5" fillId="0" borderId="5" xfId="5" applyNumberFormat="1" applyFont="1" applyFill="1" applyBorder="1" applyAlignment="1">
      <alignment vertical="center"/>
    </xf>
    <xf numFmtId="165" fontId="5" fillId="2" borderId="1" xfId="5" applyNumberFormat="1" applyFont="1" applyFill="1" applyBorder="1" applyAlignment="1">
      <alignment vertical="center"/>
    </xf>
    <xf numFmtId="165" fontId="5" fillId="2" borderId="1" xfId="5" applyNumberFormat="1" applyFont="1" applyFill="1" applyBorder="1" applyAlignment="1">
      <alignment horizontal="center" vertical="center"/>
    </xf>
    <xf numFmtId="165" fontId="4" fillId="0" borderId="2" xfId="0" applyNumberFormat="1" applyFont="1" applyFill="1" applyBorder="1" applyAlignment="1">
      <alignment horizontal="center" vertical="center"/>
    </xf>
    <xf numFmtId="165" fontId="4" fillId="0" borderId="2" xfId="0" applyNumberFormat="1" applyFont="1" applyFill="1" applyBorder="1" applyAlignment="1">
      <alignment vertical="center"/>
    </xf>
    <xf numFmtId="165" fontId="20" fillId="0" borderId="2" xfId="5" applyNumberFormat="1" applyFont="1" applyFill="1" applyBorder="1" applyAlignment="1">
      <alignment vertical="center"/>
    </xf>
    <xf numFmtId="165" fontId="19" fillId="0" borderId="2" xfId="5" applyNumberFormat="1" applyFont="1" applyFill="1" applyBorder="1" applyAlignment="1">
      <alignment vertical="center"/>
    </xf>
    <xf numFmtId="165" fontId="5" fillId="2" borderId="15" xfId="0" applyNumberFormat="1" applyFont="1" applyFill="1" applyBorder="1" applyAlignment="1">
      <alignment horizontal="center" vertical="center"/>
    </xf>
    <xf numFmtId="165" fontId="5" fillId="2" borderId="15" xfId="0" applyNumberFormat="1" applyFont="1" applyFill="1" applyBorder="1" applyAlignment="1">
      <alignment vertical="center"/>
    </xf>
    <xf numFmtId="165" fontId="5" fillId="0" borderId="2" xfId="3" applyNumberFormat="1" applyFont="1" applyFill="1" applyBorder="1" applyAlignment="1">
      <alignment horizontal="center" vertical="center" wrapText="1"/>
    </xf>
    <xf numFmtId="165" fontId="5" fillId="0" borderId="2" xfId="0" applyNumberFormat="1" applyFont="1" applyFill="1" applyBorder="1" applyAlignment="1">
      <alignment vertical="center"/>
    </xf>
    <xf numFmtId="165" fontId="5" fillId="0" borderId="8" xfId="0" applyNumberFormat="1" applyFont="1" applyFill="1" applyBorder="1" applyAlignment="1">
      <alignment horizontal="center" vertical="center"/>
    </xf>
    <xf numFmtId="165" fontId="4" fillId="0" borderId="2" xfId="3" applyNumberFormat="1" applyFont="1" applyFill="1" applyBorder="1" applyAlignment="1">
      <alignment horizontal="center" vertical="center" wrapText="1"/>
    </xf>
    <xf numFmtId="165" fontId="4" fillId="0" borderId="0"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165" fontId="5" fillId="0" borderId="11"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4" fillId="0" borderId="8" xfId="3" applyNumberFormat="1" applyFont="1" applyFill="1" applyBorder="1" applyAlignment="1">
      <alignment vertical="center"/>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horizontal="center" vertical="center" wrapText="1"/>
    </xf>
    <xf numFmtId="165" fontId="5" fillId="0" borderId="8" xfId="5" applyNumberFormat="1" applyFont="1" applyFill="1" applyBorder="1" applyAlignment="1">
      <alignment horizontal="center" vertical="center" wrapText="1"/>
    </xf>
    <xf numFmtId="165" fontId="5" fillId="0" borderId="8" xfId="5" applyNumberFormat="1" applyFont="1" applyFill="1" applyBorder="1" applyAlignment="1">
      <alignment horizontal="left" vertical="center"/>
    </xf>
    <xf numFmtId="165" fontId="5" fillId="0" borderId="2" xfId="5" applyNumberFormat="1" applyFont="1" applyFill="1" applyBorder="1" applyAlignment="1">
      <alignment horizontal="left" vertical="center"/>
    </xf>
    <xf numFmtId="165" fontId="4" fillId="0" borderId="2" xfId="5" applyNumberFormat="1" applyFont="1" applyFill="1" applyBorder="1" applyAlignment="1">
      <alignment horizontal="left" vertical="center"/>
    </xf>
    <xf numFmtId="165" fontId="4" fillId="0" borderId="8" xfId="5" applyNumberFormat="1" applyFont="1" applyFill="1" applyBorder="1" applyAlignment="1">
      <alignment horizontal="left" vertical="center"/>
    </xf>
    <xf numFmtId="165" fontId="4" fillId="0" borderId="2" xfId="5" applyNumberFormat="1" applyFont="1" applyBorder="1"/>
    <xf numFmtId="165" fontId="5" fillId="0" borderId="12" xfId="3" applyNumberFormat="1" applyFont="1" applyFill="1" applyBorder="1" applyAlignment="1">
      <alignment horizontal="center" vertical="center" wrapText="1"/>
    </xf>
    <xf numFmtId="165" fontId="5" fillId="2" borderId="15" xfId="5" applyNumberFormat="1" applyFont="1" applyFill="1" applyBorder="1" applyAlignment="1">
      <alignment horizontal="left" vertical="center"/>
    </xf>
    <xf numFmtId="165" fontId="5" fillId="2" borderId="10" xfId="5" applyNumberFormat="1" applyFont="1" applyFill="1" applyBorder="1" applyAlignment="1">
      <alignment horizontal="left" vertical="center"/>
    </xf>
    <xf numFmtId="165" fontId="4" fillId="0" borderId="0" xfId="5" applyNumberFormat="1" applyFont="1" applyFill="1" applyBorder="1" applyAlignment="1">
      <alignment vertical="center"/>
    </xf>
    <xf numFmtId="165" fontId="4" fillId="0" borderId="5" xfId="5" applyNumberFormat="1" applyFont="1" applyFill="1" applyBorder="1" applyAlignment="1">
      <alignment vertical="center"/>
    </xf>
    <xf numFmtId="165" fontId="4" fillId="0" borderId="14" xfId="5" applyNumberFormat="1" applyFont="1" applyFill="1" applyBorder="1" applyAlignment="1">
      <alignment vertical="center"/>
    </xf>
    <xf numFmtId="165" fontId="4" fillId="0" borderId="4" xfId="5" applyNumberFormat="1" applyFont="1" applyFill="1" applyBorder="1" applyAlignment="1">
      <alignment vertical="center"/>
    </xf>
    <xf numFmtId="165" fontId="4" fillId="0" borderId="2" xfId="5" applyNumberFormat="1" applyFont="1" applyFill="1" applyBorder="1" applyAlignment="1"/>
    <xf numFmtId="165" fontId="5" fillId="0" borderId="14" xfId="5" applyNumberFormat="1" applyFont="1" applyFill="1" applyBorder="1" applyAlignment="1">
      <alignment horizontal="right" vertical="center" wrapText="1"/>
    </xf>
    <xf numFmtId="165" fontId="5" fillId="0" borderId="4" xfId="0" applyNumberFormat="1" applyFont="1" applyFill="1" applyBorder="1" applyAlignment="1">
      <alignment horizontal="center" vertical="center"/>
    </xf>
    <xf numFmtId="165" fontId="4" fillId="0" borderId="2" xfId="5" applyNumberFormat="1" applyFont="1" applyFill="1" applyBorder="1" applyAlignment="1">
      <alignment horizontal="right" vertical="center"/>
    </xf>
    <xf numFmtId="165" fontId="23" fillId="0" borderId="2" xfId="5" applyNumberFormat="1" applyFont="1" applyFill="1" applyBorder="1" applyAlignment="1">
      <alignment horizontal="right" vertical="center"/>
    </xf>
    <xf numFmtId="165" fontId="4" fillId="0" borderId="8" xfId="5" applyNumberFormat="1" applyFont="1" applyFill="1" applyBorder="1" applyAlignment="1">
      <alignment horizontal="right" vertical="center"/>
    </xf>
    <xf numFmtId="165" fontId="4" fillId="0" borderId="2" xfId="5" quotePrefix="1" applyNumberFormat="1" applyFont="1" applyFill="1" applyBorder="1" applyAlignment="1">
      <alignment horizontal="right" vertical="center"/>
    </xf>
    <xf numFmtId="165" fontId="22" fillId="0" borderId="8" xfId="5" applyNumberFormat="1" applyFont="1" applyFill="1" applyBorder="1" applyAlignment="1">
      <alignment horizontal="right" vertical="center"/>
    </xf>
    <xf numFmtId="165" fontId="5" fillId="0" borderId="2" xfId="5" applyNumberFormat="1" applyFont="1" applyFill="1" applyBorder="1" applyAlignment="1">
      <alignment horizontal="right" vertical="center" wrapText="1"/>
    </xf>
    <xf numFmtId="165" fontId="5" fillId="0" borderId="0" xfId="0" applyNumberFormat="1" applyFont="1" applyFill="1" applyBorder="1" applyAlignment="1">
      <alignment horizontal="center" vertical="center"/>
    </xf>
    <xf numFmtId="165" fontId="5" fillId="0" borderId="7" xfId="0" applyNumberFormat="1" applyFont="1" applyFill="1" applyBorder="1" applyAlignment="1">
      <alignment horizontal="center"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165" fontId="25" fillId="0" borderId="2" xfId="0" applyNumberFormat="1" applyFont="1" applyFill="1" applyBorder="1" applyAlignment="1">
      <alignment horizontal="right" vertical="center"/>
    </xf>
    <xf numFmtId="165" fontId="24" fillId="0" borderId="2" xfId="5" applyNumberFormat="1" applyFont="1" applyFill="1" applyBorder="1" applyAlignment="1">
      <alignment horizontal="right" vertical="center"/>
    </xf>
    <xf numFmtId="165" fontId="24" fillId="0" borderId="8" xfId="5" applyNumberFormat="1" applyFont="1" applyFill="1" applyBorder="1" applyAlignment="1">
      <alignment horizontal="right" vertical="center"/>
    </xf>
    <xf numFmtId="165" fontId="5" fillId="0" borderId="0" xfId="5" applyNumberFormat="1" applyFont="1" applyFill="1" applyBorder="1" applyAlignment="1">
      <alignment vertical="center"/>
    </xf>
    <xf numFmtId="165" fontId="4" fillId="0" borderId="11" xfId="1" applyNumberFormat="1" applyFont="1" applyFill="1" applyBorder="1" applyAlignment="1">
      <alignment vertical="center"/>
    </xf>
    <xf numFmtId="165" fontId="4" fillId="0" borderId="8" xfId="1" applyNumberFormat="1" applyFont="1" applyFill="1" applyBorder="1" applyAlignment="1">
      <alignment vertical="center"/>
    </xf>
    <xf numFmtId="165" fontId="5" fillId="0" borderId="8" xfId="1" applyNumberFormat="1" applyFont="1" applyFill="1" applyBorder="1" applyAlignment="1">
      <alignment vertical="center"/>
    </xf>
    <xf numFmtId="165" fontId="5" fillId="0" borderId="11" xfId="1" applyNumberFormat="1" applyFont="1" applyFill="1" applyBorder="1" applyAlignment="1">
      <alignment vertical="center"/>
    </xf>
    <xf numFmtId="165" fontId="5" fillId="0" borderId="6" xfId="5" applyNumberFormat="1" applyFont="1" applyFill="1" applyBorder="1" applyAlignment="1">
      <alignment horizontal="left" vertical="center" wrapText="1"/>
    </xf>
    <xf numFmtId="165" fontId="5" fillId="0" borderId="14"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6" xfId="5" applyNumberFormat="1" applyFont="1" applyFill="1" applyBorder="1" applyAlignment="1">
      <alignment horizontal="right" vertical="center" wrapText="1"/>
    </xf>
    <xf numFmtId="165" fontId="5" fillId="0" borderId="11" xfId="5" applyNumberFormat="1" applyFont="1" applyFill="1" applyBorder="1" applyAlignment="1">
      <alignment horizontal="left" vertical="center" wrapText="1"/>
    </xf>
    <xf numFmtId="165" fontId="4" fillId="0" borderId="3" xfId="1" applyNumberFormat="1" applyFont="1" applyFill="1" applyBorder="1" applyAlignment="1">
      <alignment horizontal="left" vertical="center" wrapText="1"/>
    </xf>
    <xf numFmtId="165" fontId="4" fillId="0" borderId="2" xfId="5" applyNumberFormat="1" applyFont="1" applyFill="1" applyBorder="1" applyAlignment="1">
      <alignment horizontal="left" vertical="center" wrapText="1"/>
    </xf>
    <xf numFmtId="165" fontId="4" fillId="0" borderId="3" xfId="5" applyNumberFormat="1" applyFont="1" applyFill="1" applyBorder="1" applyAlignment="1">
      <alignment horizontal="right" vertical="center" wrapText="1"/>
    </xf>
    <xf numFmtId="165" fontId="5" fillId="0" borderId="8"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horizontal="left" vertical="center" wrapText="1"/>
    </xf>
    <xf numFmtId="165" fontId="4" fillId="0" borderId="12" xfId="1" applyNumberFormat="1" applyFont="1" applyFill="1" applyBorder="1" applyAlignment="1">
      <alignment horizontal="left" vertical="center" wrapText="1"/>
    </xf>
    <xf numFmtId="165" fontId="5" fillId="0" borderId="13" xfId="5" applyNumberFormat="1" applyFont="1" applyFill="1" applyBorder="1" applyAlignment="1">
      <alignment horizontal="left" vertical="center" wrapText="1"/>
    </xf>
    <xf numFmtId="165" fontId="4" fillId="0" borderId="13" xfId="5" applyNumberFormat="1" applyFont="1" applyFill="1" applyBorder="1" applyAlignment="1">
      <alignment horizontal="right" vertical="center" wrapText="1"/>
    </xf>
    <xf numFmtId="165" fontId="4" fillId="0" borderId="12" xfId="5" applyNumberFormat="1" applyFont="1" applyFill="1" applyBorder="1" applyAlignment="1">
      <alignment horizontal="right" vertical="center" wrapText="1"/>
    </xf>
    <xf numFmtId="165" fontId="5" fillId="0" borderId="1" xfId="5" applyNumberFormat="1" applyFont="1" applyFill="1" applyBorder="1" applyAlignment="1">
      <alignment horizontal="left" vertical="center" wrapText="1"/>
    </xf>
    <xf numFmtId="165" fontId="5" fillId="2" borderId="12" xfId="1" applyNumberFormat="1" applyFont="1" applyFill="1" applyBorder="1" applyAlignment="1">
      <alignment horizontal="left" vertical="center" wrapText="1"/>
    </xf>
    <xf numFmtId="165" fontId="5" fillId="2" borderId="12" xfId="5" applyNumberFormat="1" applyFont="1" applyFill="1" applyBorder="1" applyAlignment="1">
      <alignment horizontal="right" vertical="center" wrapText="1"/>
    </xf>
    <xf numFmtId="165" fontId="5" fillId="2" borderId="1" xfId="5" applyNumberFormat="1" applyFont="1" applyFill="1" applyBorder="1" applyAlignment="1">
      <alignment horizontal="right" vertical="center" wrapText="1"/>
    </xf>
    <xf numFmtId="165" fontId="5" fillId="2" borderId="1" xfId="1" applyNumberFormat="1" applyFont="1" applyFill="1" applyBorder="1" applyAlignment="1">
      <alignment horizontal="left" vertical="center" wrapText="1"/>
    </xf>
    <xf numFmtId="165" fontId="4" fillId="0" borderId="1" xfId="1" applyNumberFormat="1" applyFont="1" applyFill="1" applyBorder="1" applyAlignment="1">
      <alignment vertical="center"/>
    </xf>
    <xf numFmtId="165" fontId="5" fillId="0" borderId="10" xfId="2" applyNumberFormat="1" applyFont="1" applyFill="1" applyBorder="1" applyAlignment="1">
      <alignment vertical="center"/>
    </xf>
    <xf numFmtId="165" fontId="5" fillId="0" borderId="14" xfId="5" applyNumberFormat="1" applyFont="1" applyFill="1" applyBorder="1" applyAlignment="1">
      <alignment horizontal="right" vertical="center"/>
    </xf>
    <xf numFmtId="165" fontId="4" fillId="0" borderId="3" xfId="5" applyNumberFormat="1" applyFont="1" applyFill="1" applyBorder="1" applyAlignment="1">
      <alignment horizontal="left" vertical="center" wrapText="1"/>
    </xf>
    <xf numFmtId="165" fontId="4" fillId="0" borderId="2" xfId="5" applyNumberFormat="1" applyFont="1" applyFill="1" applyBorder="1" applyAlignment="1">
      <alignment horizontal="right" vertical="center" wrapText="1"/>
    </xf>
    <xf numFmtId="165" fontId="5" fillId="2" borderId="9" xfId="5" applyNumberFormat="1" applyFont="1" applyFill="1" applyBorder="1" applyAlignment="1">
      <alignment horizontal="left" vertical="center" wrapText="1"/>
    </xf>
    <xf numFmtId="165" fontId="5" fillId="2" borderId="10" xfId="5" applyNumberFormat="1" applyFont="1" applyFill="1" applyBorder="1" applyAlignment="1">
      <alignment horizontal="left" vertical="center" wrapText="1"/>
    </xf>
    <xf numFmtId="165" fontId="5" fillId="0" borderId="5" xfId="1" applyNumberFormat="1" applyFont="1" applyFill="1" applyBorder="1" applyAlignment="1">
      <alignment vertical="center"/>
    </xf>
    <xf numFmtId="165" fontId="5" fillId="0" borderId="2" xfId="1" applyNumberFormat="1" applyFont="1" applyFill="1" applyBorder="1" applyAlignment="1">
      <alignment vertical="center"/>
    </xf>
    <xf numFmtId="165" fontId="4" fillId="0" borderId="2"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4" fillId="0" borderId="2" xfId="1" applyNumberFormat="1" applyFont="1" applyFill="1" applyBorder="1" applyAlignment="1">
      <alignment vertical="center"/>
    </xf>
    <xf numFmtId="165" fontId="5" fillId="2" borderId="15" xfId="1" applyNumberFormat="1" applyFont="1" applyFill="1" applyBorder="1" applyAlignment="1">
      <alignment vertical="center"/>
    </xf>
    <xf numFmtId="165" fontId="5" fillId="0" borderId="1" xfId="1" applyNumberFormat="1" applyFont="1" applyFill="1" applyBorder="1" applyAlignment="1">
      <alignment vertical="center"/>
    </xf>
    <xf numFmtId="165" fontId="5" fillId="2" borderId="10"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165" fontId="4" fillId="0" borderId="14" xfId="1" applyNumberFormat="1" applyFont="1" applyFill="1" applyBorder="1" applyAlignment="1">
      <alignment vertical="center"/>
    </xf>
    <xf numFmtId="165" fontId="5" fillId="2" borderId="10" xfId="1" applyNumberFormat="1" applyFont="1" applyFill="1" applyBorder="1" applyAlignment="1">
      <alignment horizontal="center" vertical="center" wrapText="1"/>
    </xf>
    <xf numFmtId="165" fontId="5" fillId="2" borderId="1" xfId="1" applyNumberFormat="1" applyFont="1" applyFill="1" applyBorder="1" applyAlignment="1">
      <alignment horizontal="center" vertical="center"/>
    </xf>
    <xf numFmtId="165" fontId="5" fillId="2" borderId="10" xfId="1" applyNumberFormat="1" applyFont="1" applyFill="1" applyBorder="1" applyAlignment="1">
      <alignment vertical="center"/>
    </xf>
    <xf numFmtId="165" fontId="5" fillId="2" borderId="15" xfId="1" applyNumberFormat="1" applyFont="1" applyFill="1" applyBorder="1" applyAlignment="1">
      <alignment horizontal="center" vertical="center"/>
    </xf>
    <xf numFmtId="165" fontId="5" fillId="2" borderId="7" xfId="1" applyNumberFormat="1" applyFont="1" applyFill="1" applyBorder="1" applyAlignment="1">
      <alignment vertical="center"/>
    </xf>
    <xf numFmtId="165" fontId="4" fillId="3" borderId="14" xfId="1" applyNumberFormat="1" applyFont="1" applyFill="1" applyBorder="1" applyAlignment="1">
      <alignment horizontal="left" vertical="center"/>
    </xf>
    <xf numFmtId="165" fontId="4" fillId="3" borderId="6" xfId="1" applyNumberFormat="1" applyFont="1" applyFill="1" applyBorder="1" applyAlignment="1">
      <alignment horizontal="left" vertical="center"/>
    </xf>
    <xf numFmtId="165" fontId="4" fillId="0" borderId="2"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4" fillId="0" borderId="11" xfId="1" applyNumberFormat="1" applyFont="1" applyBorder="1" applyAlignment="1">
      <alignment vertical="center"/>
    </xf>
    <xf numFmtId="165" fontId="4" fillId="3" borderId="2" xfId="1" applyNumberFormat="1" applyFont="1" applyFill="1" applyBorder="1" applyAlignment="1">
      <alignment horizontal="left" vertical="center"/>
    </xf>
    <xf numFmtId="165" fontId="4" fillId="3" borderId="3" xfId="1" applyNumberFormat="1" applyFont="1" applyFill="1" applyBorder="1" applyAlignment="1">
      <alignment horizontal="left" vertical="center"/>
    </xf>
    <xf numFmtId="165" fontId="4" fillId="0" borderId="0" xfId="1" applyNumberFormat="1" applyFont="1" applyFill="1" applyBorder="1" applyAlignment="1">
      <alignment horizontal="center" vertical="center"/>
    </xf>
    <xf numFmtId="165" fontId="4" fillId="0" borderId="8" xfId="1" applyNumberFormat="1" applyFont="1" applyBorder="1" applyAlignment="1">
      <alignment vertical="center"/>
    </xf>
    <xf numFmtId="165" fontId="5" fillId="3" borderId="2" xfId="1" applyNumberFormat="1" applyFont="1" applyFill="1" applyBorder="1" applyAlignment="1">
      <alignment horizontal="left" vertical="center"/>
    </xf>
    <xf numFmtId="165" fontId="5" fillId="3" borderId="3" xfId="1" applyNumberFormat="1" applyFont="1" applyFill="1" applyBorder="1" applyAlignment="1">
      <alignment horizontal="left" vertical="center"/>
    </xf>
    <xf numFmtId="165" fontId="5" fillId="0" borderId="2" xfId="1" applyNumberFormat="1" applyFont="1" applyFill="1" applyBorder="1" applyAlignment="1">
      <alignment horizontal="center" vertical="center"/>
    </xf>
    <xf numFmtId="165" fontId="5" fillId="0" borderId="8" xfId="1" applyNumberFormat="1" applyFont="1" applyBorder="1" applyAlignment="1">
      <alignment vertical="center"/>
    </xf>
    <xf numFmtId="165" fontId="4" fillId="0" borderId="0" xfId="1" applyNumberFormat="1" applyFont="1" applyAlignment="1">
      <alignment vertical="center"/>
    </xf>
    <xf numFmtId="165" fontId="5" fillId="0" borderId="0" xfId="1" applyNumberFormat="1" applyFont="1" applyAlignment="1">
      <alignment vertical="center"/>
    </xf>
    <xf numFmtId="165" fontId="5" fillId="0" borderId="1" xfId="1" applyNumberFormat="1" applyFont="1" applyBorder="1" applyAlignment="1">
      <alignment vertical="center"/>
    </xf>
    <xf numFmtId="165" fontId="5" fillId="0" borderId="14" xfId="1" applyNumberFormat="1" applyFont="1" applyFill="1" applyBorder="1" applyAlignment="1">
      <alignment vertical="center"/>
    </xf>
    <xf numFmtId="165" fontId="5" fillId="0" borderId="11" xfId="1" applyNumberFormat="1" applyFont="1" applyBorder="1" applyAlignment="1">
      <alignment vertical="center"/>
    </xf>
    <xf numFmtId="165" fontId="4" fillId="0" borderId="1" xfId="1" applyNumberFormat="1" applyFont="1" applyBorder="1" applyAlignment="1">
      <alignment vertical="center"/>
    </xf>
    <xf numFmtId="165" fontId="4" fillId="0" borderId="8" xfId="0" applyNumberFormat="1" applyFont="1" applyFill="1" applyBorder="1" applyAlignment="1">
      <alignment horizontal="right" vertical="center" wrapText="1"/>
    </xf>
    <xf numFmtId="165" fontId="4" fillId="0" borderId="2" xfId="0" applyNumberFormat="1" applyFont="1" applyFill="1" applyBorder="1" applyAlignment="1">
      <alignment horizontal="right" vertical="center" wrapText="1"/>
    </xf>
    <xf numFmtId="165" fontId="4" fillId="0" borderId="8" xfId="0" applyNumberFormat="1" applyFont="1" applyFill="1" applyBorder="1" applyAlignment="1">
      <alignment vertical="center" wrapText="1"/>
    </xf>
    <xf numFmtId="165" fontId="5" fillId="2" borderId="15" xfId="0" applyNumberFormat="1" applyFont="1" applyFill="1" applyBorder="1" applyAlignment="1">
      <alignment horizontal="right" vertical="center" wrapText="1"/>
    </xf>
    <xf numFmtId="165" fontId="5" fillId="2" borderId="10" xfId="0" applyNumberFormat="1" applyFont="1" applyFill="1" applyBorder="1" applyAlignment="1">
      <alignment vertical="center" wrapText="1"/>
    </xf>
    <xf numFmtId="165" fontId="5" fillId="2" borderId="13" xfId="0" applyNumberFormat="1" applyFont="1" applyFill="1" applyBorder="1" applyAlignment="1">
      <alignment horizontal="right" vertical="center" wrapText="1"/>
    </xf>
    <xf numFmtId="165" fontId="4" fillId="0" borderId="13" xfId="0" applyNumberFormat="1" applyFont="1" applyFill="1" applyBorder="1" applyAlignment="1">
      <alignment horizontal="center" vertical="center"/>
    </xf>
    <xf numFmtId="165" fontId="5" fillId="0" borderId="14" xfId="0" applyNumberFormat="1" applyFont="1" applyFill="1" applyBorder="1" applyAlignment="1">
      <alignment vertical="center"/>
    </xf>
    <xf numFmtId="168" fontId="4" fillId="0" borderId="0" xfId="0" applyNumberFormat="1" applyFont="1" applyFill="1" applyAlignment="1">
      <alignment horizontal="right" vertical="center"/>
    </xf>
    <xf numFmtId="7" fontId="4" fillId="0" borderId="0" xfId="5" applyNumberFormat="1" applyFont="1" applyFill="1" applyAlignment="1">
      <alignment horizontal="right" vertical="center"/>
    </xf>
    <xf numFmtId="168" fontId="4" fillId="0" borderId="7" xfId="0" applyNumberFormat="1" applyFont="1" applyFill="1" applyBorder="1" applyAlignment="1">
      <alignment horizontal="right" vertical="center"/>
    </xf>
    <xf numFmtId="168" fontId="4" fillId="0" borderId="7" xfId="0" applyNumberFormat="1" applyFont="1" applyFill="1" applyBorder="1" applyAlignment="1">
      <alignment vertical="center"/>
    </xf>
    <xf numFmtId="43" fontId="4" fillId="0" borderId="8" xfId="3" applyNumberFormat="1"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6" xfId="1" applyNumberFormat="1" applyFont="1" applyFill="1" applyBorder="1" applyAlignment="1">
      <alignment vertical="center"/>
    </xf>
    <xf numFmtId="165" fontId="4" fillId="0" borderId="3" xfId="1" applyNumberFormat="1" applyFont="1" applyFill="1" applyBorder="1" applyAlignment="1">
      <alignment vertical="center"/>
    </xf>
    <xf numFmtId="0" fontId="4" fillId="0" borderId="4" xfId="1" applyFont="1" applyFill="1" applyBorder="1" applyAlignment="1">
      <alignment horizontal="left" vertical="center" wrapText="1"/>
    </xf>
    <xf numFmtId="0" fontId="4" fillId="0" borderId="6" xfId="1" applyFont="1" applyFill="1" applyBorder="1" applyAlignment="1">
      <alignment vertical="center" wrapText="1"/>
    </xf>
    <xf numFmtId="165" fontId="4" fillId="0" borderId="0" xfId="0" applyNumberFormat="1" applyFont="1" applyFill="1" applyAlignment="1">
      <alignment vertical="center"/>
    </xf>
    <xf numFmtId="165" fontId="4" fillId="0" borderId="9" xfId="0" applyNumberFormat="1" applyFont="1" applyFill="1" applyBorder="1" applyAlignment="1">
      <alignment vertical="center"/>
    </xf>
    <xf numFmtId="165" fontId="4" fillId="0" borderId="15"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1" xfId="1" applyFont="1" applyFill="1" applyBorder="1" applyAlignment="1">
      <alignment horizontal="center" vertical="top"/>
    </xf>
    <xf numFmtId="0" fontId="5" fillId="0" borderId="0" xfId="1" applyFont="1" applyFill="1" applyBorder="1" applyAlignment="1">
      <alignment horizontal="left" vertical="center"/>
    </xf>
    <xf numFmtId="0" fontId="5" fillId="2" borderId="4" xfId="1" applyFont="1" applyFill="1" applyBorder="1" applyAlignment="1">
      <alignment horizontal="center" vertical="center"/>
    </xf>
    <xf numFmtId="0" fontId="5" fillId="0" borderId="4" xfId="1" applyFont="1" applyFill="1" applyBorder="1" applyAlignment="1">
      <alignment horizontal="left" vertical="center"/>
    </xf>
    <xf numFmtId="0" fontId="4" fillId="0" borderId="3" xfId="1" applyFont="1" applyBorder="1" applyAlignment="1">
      <alignment horizontal="left" vertical="center"/>
    </xf>
    <xf numFmtId="0" fontId="5" fillId="0" borderId="12" xfId="1" applyFont="1" applyBorder="1" applyAlignment="1">
      <alignment horizontal="left" vertical="center"/>
    </xf>
    <xf numFmtId="0" fontId="5" fillId="0" borderId="6" xfId="1" applyFont="1" applyBorder="1" applyAlignment="1">
      <alignment horizontal="left" vertical="center"/>
    </xf>
    <xf numFmtId="0" fontId="5" fillId="0" borderId="3" xfId="1" applyFont="1" applyBorder="1" applyAlignment="1">
      <alignment horizontal="left" vertical="center"/>
    </xf>
    <xf numFmtId="0" fontId="5" fillId="2" borderId="14" xfId="1" applyFont="1" applyFill="1" applyBorder="1" applyAlignment="1">
      <alignment horizontal="center" vertical="center" wrapText="1"/>
    </xf>
    <xf numFmtId="0" fontId="5" fillId="2" borderId="7" xfId="1" applyFont="1" applyFill="1" applyBorder="1" applyAlignment="1">
      <alignment horizontal="center" vertical="top"/>
    </xf>
    <xf numFmtId="0" fontId="5" fillId="0" borderId="3" xfId="1" applyFont="1" applyFill="1" applyBorder="1" applyAlignment="1">
      <alignment horizontal="left" vertical="center"/>
    </xf>
    <xf numFmtId="0" fontId="5" fillId="0" borderId="0" xfId="1" applyFont="1" applyBorder="1" applyAlignment="1">
      <alignment vertical="center"/>
    </xf>
    <xf numFmtId="0" fontId="5" fillId="0" borderId="7" xfId="1" applyFont="1" applyBorder="1" applyAlignment="1">
      <alignment vertical="center"/>
    </xf>
    <xf numFmtId="0" fontId="5" fillId="0" borderId="12" xfId="1" applyFont="1" applyBorder="1" applyAlignment="1">
      <alignment vertical="center"/>
    </xf>
    <xf numFmtId="0" fontId="5" fillId="0" borderId="4" xfId="1" applyFont="1" applyBorder="1" applyAlignment="1">
      <alignment vertical="center"/>
    </xf>
    <xf numFmtId="0" fontId="5" fillId="2" borderId="13" xfId="1" applyFont="1" applyFill="1" applyBorder="1" applyAlignment="1">
      <alignment horizontal="center" vertical="top"/>
    </xf>
    <xf numFmtId="0" fontId="5" fillId="2" borderId="7" xfId="1" applyFont="1" applyFill="1" applyBorder="1" applyAlignment="1">
      <alignment horizontal="center" vertical="top" wrapText="1"/>
    </xf>
    <xf numFmtId="0" fontId="4" fillId="2" borderId="7" xfId="1" applyFont="1" applyFill="1" applyBorder="1" applyAlignment="1">
      <alignment horizontal="center" vertical="top"/>
    </xf>
    <xf numFmtId="0" fontId="5" fillId="2" borderId="7" xfId="1" applyFont="1" applyFill="1" applyBorder="1" applyAlignment="1">
      <alignment horizontal="center" vertical="top"/>
    </xf>
    <xf numFmtId="165" fontId="4" fillId="0" borderId="7" xfId="5" applyNumberFormat="1" applyFont="1" applyFill="1" applyBorder="1" applyAlignment="1">
      <alignment horizontal="center" vertical="center"/>
    </xf>
    <xf numFmtId="0" fontId="5" fillId="2" borderId="13" xfId="0" applyFont="1" applyFill="1" applyBorder="1" applyAlignment="1">
      <alignment horizontal="center" vertical="center"/>
    </xf>
    <xf numFmtId="0" fontId="5" fillId="2" borderId="2" xfId="0" applyFont="1" applyFill="1" applyBorder="1" applyAlignment="1">
      <alignment horizontal="center" vertical="center"/>
    </xf>
    <xf numFmtId="165" fontId="4" fillId="0" borderId="7" xfId="0" applyNumberFormat="1" applyFont="1" applyFill="1" applyBorder="1" applyAlignment="1">
      <alignment horizontal="center" vertical="center"/>
    </xf>
    <xf numFmtId="0" fontId="5" fillId="0" borderId="0" xfId="1" applyFont="1" applyFill="1" applyAlignment="1">
      <alignment vertical="top"/>
    </xf>
    <xf numFmtId="0" fontId="4" fillId="0" borderId="9" xfId="0" applyFont="1" applyFill="1" applyBorder="1" applyAlignment="1">
      <alignment vertical="center" wrapText="1"/>
    </xf>
    <xf numFmtId="165" fontId="5" fillId="0" borderId="4" xfId="0" applyNumberFormat="1" applyFont="1" applyFill="1" applyBorder="1" applyAlignment="1">
      <alignment vertical="center"/>
    </xf>
    <xf numFmtId="165" fontId="5" fillId="0" borderId="5" xfId="0" applyNumberFormat="1" applyFont="1" applyFill="1" applyBorder="1" applyAlignment="1">
      <alignment vertical="center"/>
    </xf>
    <xf numFmtId="0" fontId="5" fillId="0" borderId="4" xfId="0" applyFont="1" applyFill="1" applyBorder="1" applyAlignment="1">
      <alignment vertical="center"/>
    </xf>
    <xf numFmtId="165" fontId="4" fillId="0" borderId="7" xfId="0" applyNumberFormat="1" applyFont="1" applyFill="1" applyBorder="1" applyAlignment="1">
      <alignment vertical="center"/>
    </xf>
    <xf numFmtId="0" fontId="9" fillId="0" borderId="9" xfId="0" applyFont="1" applyFill="1" applyBorder="1" applyAlignment="1">
      <alignment vertical="center"/>
    </xf>
    <xf numFmtId="165" fontId="4" fillId="0" borderId="0" xfId="0" applyNumberFormat="1" applyFont="1" applyFill="1" applyBorder="1" applyAlignment="1">
      <alignment vertical="center"/>
    </xf>
    <xf numFmtId="43" fontId="27" fillId="0" borderId="2" xfId="5" applyNumberFormat="1" applyFont="1" applyFill="1" applyBorder="1" applyAlignment="1">
      <alignment horizontal="right" vertical="center"/>
    </xf>
    <xf numFmtId="0" fontId="5" fillId="0" borderId="12" xfId="1" applyFont="1" applyFill="1" applyBorder="1" applyAlignment="1">
      <alignment horizontal="left" vertical="center"/>
    </xf>
    <xf numFmtId="165" fontId="5" fillId="0" borderId="13" xfId="5" applyNumberFormat="1" applyFont="1" applyFill="1" applyBorder="1" applyAlignment="1">
      <alignment horizontal="right" vertical="center"/>
    </xf>
    <xf numFmtId="165" fontId="5" fillId="0" borderId="13" xfId="5" applyNumberFormat="1" applyFont="1" applyFill="1" applyBorder="1" applyAlignment="1">
      <alignment horizontal="right" vertical="center" wrapText="1"/>
    </xf>
    <xf numFmtId="43" fontId="4" fillId="0" borderId="0" xfId="1" applyNumberFormat="1" applyFont="1" applyAlignment="1">
      <alignment vertical="center"/>
    </xf>
    <xf numFmtId="43" fontId="4" fillId="0" borderId="0" xfId="1" applyNumberFormat="1" applyFont="1" applyBorder="1" applyAlignment="1">
      <alignment vertical="center"/>
    </xf>
    <xf numFmtId="165" fontId="26" fillId="0" borderId="8" xfId="0" applyNumberFormat="1" applyFont="1" applyFill="1" applyBorder="1" applyAlignment="1">
      <alignment vertical="center"/>
    </xf>
    <xf numFmtId="0" fontId="26" fillId="0" borderId="0" xfId="0" applyFont="1" applyFill="1" applyAlignment="1">
      <alignment vertical="center"/>
    </xf>
    <xf numFmtId="0" fontId="0" fillId="0" borderId="0" xfId="0" applyNumberFormat="1" applyFill="1" applyBorder="1" applyAlignment="1"/>
    <xf numFmtId="0" fontId="27" fillId="0" borderId="0" xfId="0" applyNumberFormat="1" applyFont="1" applyFill="1" applyBorder="1" applyAlignment="1"/>
    <xf numFmtId="0" fontId="27" fillId="0" borderId="0" xfId="0" applyFont="1" applyFill="1" applyAlignment="1">
      <alignment vertical="center"/>
    </xf>
    <xf numFmtId="0" fontId="4" fillId="0" borderId="0" xfId="0" applyFont="1" applyFill="1" applyAlignment="1"/>
    <xf numFmtId="0" fontId="4" fillId="0" borderId="0" xfId="0" applyNumberFormat="1" applyFont="1" applyFill="1" applyAlignment="1"/>
    <xf numFmtId="0" fontId="27" fillId="0" borderId="0" xfId="0" applyFont="1" applyFill="1" applyAlignment="1"/>
    <xf numFmtId="43" fontId="4" fillId="0" borderId="0" xfId="1" applyNumberFormat="1" applyFont="1" applyAlignment="1">
      <alignment vertical="center"/>
    </xf>
    <xf numFmtId="49" fontId="5" fillId="2" borderId="10" xfId="0" applyNumberFormat="1" applyFont="1" applyFill="1" applyBorder="1" applyAlignment="1">
      <alignment horizontal="center"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43" fontId="4" fillId="0" borderId="0" xfId="0" applyNumberFormat="1" applyFont="1" applyFill="1" applyAlignment="1">
      <alignment vertical="center"/>
    </xf>
    <xf numFmtId="0" fontId="4" fillId="3" borderId="4" xfId="1" applyFont="1" applyFill="1" applyBorder="1" applyAlignment="1">
      <alignment horizontal="center" vertical="center" wrapText="1"/>
    </xf>
    <xf numFmtId="0" fontId="4" fillId="3" borderId="0" xfId="1" applyFont="1" applyFill="1" applyBorder="1" applyAlignment="1">
      <alignment horizontal="center" vertical="center" wrapText="1"/>
    </xf>
    <xf numFmtId="43" fontId="5" fillId="0" borderId="6" xfId="1" applyNumberFormat="1" applyFont="1" applyFill="1" applyBorder="1" applyAlignment="1">
      <alignment horizontal="left" vertical="center"/>
    </xf>
    <xf numFmtId="43" fontId="5" fillId="0" borderId="3" xfId="1" applyNumberFormat="1" applyFont="1" applyFill="1" applyBorder="1" applyAlignment="1">
      <alignment horizontal="left" vertical="center"/>
    </xf>
    <xf numFmtId="43" fontId="5" fillId="0" borderId="4" xfId="1" applyNumberFormat="1" applyFont="1" applyBorder="1" applyAlignment="1">
      <alignment vertical="center"/>
    </xf>
    <xf numFmtId="43" fontId="5" fillId="0" borderId="0" xfId="1" applyNumberFormat="1" applyFont="1" applyBorder="1" applyAlignment="1">
      <alignment vertical="center"/>
    </xf>
    <xf numFmtId="43" fontId="5" fillId="0" borderId="0" xfId="1" applyNumberFormat="1" applyFont="1" applyFill="1" applyBorder="1" applyAlignment="1">
      <alignment horizontal="left" vertical="center" wrapText="1"/>
    </xf>
    <xf numFmtId="43" fontId="4" fillId="3" borderId="14" xfId="1" applyNumberFormat="1" applyFont="1" applyFill="1" applyBorder="1" applyAlignment="1">
      <alignment horizontal="right" vertical="center" wrapText="1"/>
    </xf>
    <xf numFmtId="43" fontId="27" fillId="3" borderId="2" xfId="1" applyNumberFormat="1" applyFont="1" applyFill="1" applyBorder="1" applyAlignment="1" applyProtection="1">
      <alignment horizontal="right" vertical="center" wrapText="1"/>
    </xf>
    <xf numFmtId="43" fontId="5" fillId="3" borderId="2" xfId="1" applyNumberFormat="1" applyFont="1" applyFill="1" applyBorder="1" applyAlignment="1">
      <alignment horizontal="right" vertical="center" wrapText="1"/>
    </xf>
    <xf numFmtId="43" fontId="5" fillId="2" borderId="15" xfId="1" applyNumberFormat="1" applyFont="1" applyFill="1" applyBorder="1" applyAlignment="1">
      <alignment horizontal="center" vertical="center" wrapText="1"/>
    </xf>
    <xf numFmtId="43" fontId="5" fillId="0" borderId="3" xfId="1" applyNumberFormat="1" applyFont="1" applyFill="1" applyBorder="1" applyAlignment="1">
      <alignment vertical="center"/>
    </xf>
    <xf numFmtId="0" fontId="27" fillId="0" borderId="0" xfId="0" applyNumberFormat="1" applyFont="1" applyBorder="1"/>
    <xf numFmtId="0" fontId="26" fillId="0" borderId="0" xfId="0" applyFont="1" applyFill="1" applyBorder="1" applyAlignment="1">
      <alignment vertic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165" fontId="4" fillId="0" borderId="11" xfId="5" applyNumberFormat="1" applyFont="1" applyFill="1" applyBorder="1" applyAlignment="1">
      <alignment horizontal="center" vertical="center"/>
    </xf>
    <xf numFmtId="165" fontId="4" fillId="0" borderId="6"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165" fontId="5" fillId="0" borderId="0"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5" xfId="5" applyNumberFormat="1" applyFont="1" applyFill="1" applyBorder="1" applyAlignment="1">
      <alignment horizontal="center" vertical="center"/>
    </xf>
    <xf numFmtId="165" fontId="5" fillId="0" borderId="5"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165" fontId="5" fillId="0" borderId="4" xfId="5"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165" fontId="4" fillId="0" borderId="7" xfId="5" applyNumberFormat="1" applyFont="1" applyFill="1" applyBorder="1" applyAlignment="1">
      <alignment horizontal="center" vertical="center"/>
    </xf>
    <xf numFmtId="165" fontId="5" fillId="0" borderId="7"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0" fontId="5" fillId="2" borderId="5" xfId="0" applyNumberFormat="1" applyFont="1" applyFill="1" applyBorder="1" applyAlignment="1">
      <alignment horizontal="center" vertical="center"/>
    </xf>
    <xf numFmtId="165" fontId="4" fillId="0" borderId="4"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49" fontId="5" fillId="0" borderId="0" xfId="0" applyNumberFormat="1" applyFont="1" applyFill="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6" xfId="0" applyNumberFormat="1" applyFont="1" applyFill="1" applyBorder="1" applyAlignment="1">
      <alignment horizont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4"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2" xfId="0" applyFont="1" applyFill="1" applyBorder="1" applyAlignment="1">
      <alignment horizontal="center" vertical="center"/>
    </xf>
    <xf numFmtId="49" fontId="4" fillId="0" borderId="0" xfId="0" applyNumberFormat="1" applyFont="1" applyFill="1" applyBorder="1" applyAlignment="1">
      <alignment horizontal="right" vertical="center"/>
    </xf>
    <xf numFmtId="0" fontId="5" fillId="2" borderId="0" xfId="0" applyFont="1" applyFill="1" applyBorder="1" applyAlignment="1">
      <alignment horizontal="center" vertical="center"/>
    </xf>
    <xf numFmtId="0" fontId="5" fillId="2" borderId="6" xfId="0" applyFont="1" applyFill="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165" fontId="4" fillId="0" borderId="11" xfId="5" applyNumberFormat="1" applyFont="1" applyBorder="1" applyAlignment="1">
      <alignment horizontal="center" vertical="center"/>
    </xf>
    <xf numFmtId="165" fontId="4" fillId="0" borderId="4" xfId="5" applyNumberFormat="1" applyFont="1" applyBorder="1" applyAlignment="1">
      <alignment horizontal="center" vertical="center"/>
    </xf>
    <xf numFmtId="165" fontId="4" fillId="0" borderId="6" xfId="5" applyNumberFormat="1" applyFont="1" applyBorder="1" applyAlignment="1">
      <alignment horizontal="center" vertical="center"/>
    </xf>
    <xf numFmtId="165" fontId="4" fillId="0" borderId="8" xfId="5" applyNumberFormat="1" applyFont="1" applyBorder="1" applyAlignment="1">
      <alignment horizontal="center" vertical="center"/>
    </xf>
    <xf numFmtId="0" fontId="0" fillId="0" borderId="0" xfId="0" applyAlignment="1">
      <alignment horizontal="center" vertical="center"/>
    </xf>
    <xf numFmtId="0" fontId="0" fillId="0" borderId="3" xfId="0" applyBorder="1" applyAlignment="1">
      <alignment horizontal="center" vertical="center"/>
    </xf>
    <xf numFmtId="165" fontId="4" fillId="0" borderId="1" xfId="5" applyNumberFormat="1" applyFont="1" applyBorder="1" applyAlignment="1">
      <alignment horizontal="center" vertical="center"/>
    </xf>
    <xf numFmtId="0" fontId="0" fillId="0" borderId="7" xfId="0" applyBorder="1" applyAlignment="1">
      <alignment horizontal="center" vertical="center"/>
    </xf>
    <xf numFmtId="0" fontId="0" fillId="0" borderId="12" xfId="0" applyBorder="1" applyAlignment="1">
      <alignment horizontal="center" vertical="center"/>
    </xf>
    <xf numFmtId="165" fontId="4" fillId="0" borderId="11" xfId="5" applyNumberFormat="1" applyFont="1" applyBorder="1" applyAlignment="1">
      <alignment horizontal="center" vertical="center" wrapText="1"/>
    </xf>
    <xf numFmtId="165" fontId="4" fillId="0" borderId="4" xfId="5" applyNumberFormat="1" applyFont="1" applyBorder="1" applyAlignment="1">
      <alignment horizontal="center" vertical="center" wrapText="1"/>
    </xf>
    <xf numFmtId="165" fontId="4" fillId="0" borderId="8" xfId="5" applyNumberFormat="1" applyFont="1" applyBorder="1" applyAlignment="1">
      <alignment horizontal="center" vertical="center" wrapText="1"/>
    </xf>
    <xf numFmtId="165" fontId="4" fillId="0" borderId="0" xfId="5" applyNumberFormat="1" applyFont="1" applyBorder="1" applyAlignment="1">
      <alignment horizontal="center" vertical="center" wrapText="1"/>
    </xf>
    <xf numFmtId="165" fontId="4" fillId="0" borderId="1" xfId="5" applyNumberFormat="1" applyFont="1" applyBorder="1" applyAlignment="1">
      <alignment horizontal="center" vertical="center" wrapText="1"/>
    </xf>
    <xf numFmtId="165" fontId="4" fillId="0" borderId="7" xfId="5" applyNumberFormat="1" applyFont="1" applyBorder="1" applyAlignment="1">
      <alignment horizontal="center" vertical="center" wrapText="1"/>
    </xf>
    <xf numFmtId="165" fontId="5" fillId="0" borderId="11" xfId="5" applyNumberFormat="1" applyFont="1" applyBorder="1" applyAlignment="1">
      <alignment horizontal="center" vertical="center" wrapText="1"/>
    </xf>
    <xf numFmtId="165" fontId="5" fillId="0" borderId="6" xfId="5" applyNumberFormat="1" applyFont="1" applyBorder="1" applyAlignment="1">
      <alignment horizontal="center" vertical="center" wrapText="1"/>
    </xf>
    <xf numFmtId="165" fontId="4" fillId="0" borderId="3" xfId="5" applyNumberFormat="1"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165" fontId="5" fillId="0" borderId="8" xfId="5" applyNumberFormat="1" applyFont="1" applyBorder="1" applyAlignment="1">
      <alignment horizontal="center" vertical="center" wrapText="1"/>
    </xf>
    <xf numFmtId="165" fontId="5" fillId="0" borderId="3" xfId="5" applyNumberFormat="1" applyFont="1" applyBorder="1" applyAlignment="1">
      <alignment horizontal="center" vertical="center" wrapText="1"/>
    </xf>
    <xf numFmtId="165" fontId="4" fillId="0" borderId="12" xfId="5" applyNumberFormat="1" applyFont="1" applyBorder="1" applyAlignment="1">
      <alignment horizontal="center" vertical="center" wrapText="1"/>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165" fontId="5" fillId="0" borderId="0" xfId="5" applyNumberFormat="1" applyFont="1" applyBorder="1" applyAlignment="1">
      <alignment horizontal="center" vertical="center" wrapText="1"/>
    </xf>
    <xf numFmtId="165" fontId="5" fillId="0" borderId="4" xfId="5" applyNumberFormat="1" applyFont="1" applyBorder="1" applyAlignment="1">
      <alignment horizontal="center" vertical="center" wrapText="1"/>
    </xf>
    <xf numFmtId="165" fontId="4" fillId="0" borderId="6" xfId="5" applyNumberFormat="1" applyFont="1" applyBorder="1" applyAlignment="1">
      <alignment horizontal="center" vertical="center" wrapText="1"/>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165" fontId="5" fillId="2" borderId="9" xfId="0" applyNumberFormat="1" applyFont="1" applyFill="1" applyBorder="1" applyAlignment="1">
      <alignment horizontal="center" vertical="center"/>
    </xf>
    <xf numFmtId="0"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165" fontId="5" fillId="2" borderId="10" xfId="0" applyNumberFormat="1" applyFont="1" applyFill="1" applyBorder="1" applyAlignment="1">
      <alignment horizontal="center" vertical="center" wrapText="1"/>
    </xf>
    <xf numFmtId="165" fontId="5" fillId="2" borderId="5" xfId="0" applyNumberFormat="1" applyFont="1" applyFill="1" applyBorder="1" applyAlignment="1">
      <alignment horizontal="center"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165" fontId="4" fillId="0" borderId="8" xfId="5" quotePrefix="1" applyNumberFormat="1" applyFont="1" applyFill="1" applyBorder="1" applyAlignment="1">
      <alignment horizontal="center" vertical="center"/>
    </xf>
    <xf numFmtId="165" fontId="4" fillId="0" borderId="3" xfId="5" quotePrefix="1" applyNumberFormat="1" applyFont="1" applyFill="1" applyBorder="1" applyAlignment="1">
      <alignment horizontal="center" vertical="center"/>
    </xf>
    <xf numFmtId="0" fontId="5" fillId="2" borderId="13" xfId="0" applyNumberFormat="1" applyFont="1" applyFill="1" applyBorder="1" applyAlignment="1">
      <alignment horizontal="center" vertical="center"/>
    </xf>
    <xf numFmtId="165" fontId="5" fillId="0" borderId="10" xfId="0" applyNumberFormat="1" applyFont="1" applyFill="1" applyBorder="1" applyAlignment="1">
      <alignment horizontal="center" vertical="center"/>
    </xf>
    <xf numFmtId="165" fontId="5" fillId="0" borderId="5" xfId="0" applyNumberFormat="1" applyFont="1" applyFill="1" applyBorder="1" applyAlignment="1">
      <alignment horizontal="center"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13" xfId="1" applyFont="1" applyFill="1" applyBorder="1" applyAlignment="1">
      <alignment horizontal="center" vertical="center"/>
    </xf>
    <xf numFmtId="165" fontId="5" fillId="2" borderId="10"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5" fillId="0" borderId="11" xfId="1" applyNumberFormat="1" applyFont="1" applyFill="1" applyBorder="1" applyAlignment="1">
      <alignment horizontal="center" vertical="center"/>
    </xf>
    <xf numFmtId="165" fontId="5" fillId="0" borderId="6" xfId="1" applyNumberFormat="1" applyFont="1" applyFill="1" applyBorder="1" applyAlignment="1">
      <alignment horizontal="center" vertical="center"/>
    </xf>
    <xf numFmtId="165" fontId="5" fillId="0" borderId="1" xfId="1" applyNumberFormat="1" applyFont="1" applyFill="1" applyBorder="1" applyAlignment="1">
      <alignment horizontal="center" vertical="center"/>
    </xf>
    <xf numFmtId="165" fontId="5" fillId="0" borderId="12" xfId="1" applyNumberFormat="1" applyFont="1" applyFill="1" applyBorder="1" applyAlignment="1">
      <alignment horizontal="center" vertical="center"/>
    </xf>
    <xf numFmtId="165" fontId="5" fillId="0" borderId="10" xfId="1" applyNumberFormat="1" applyFont="1" applyFill="1" applyBorder="1" applyAlignment="1">
      <alignment horizontal="center" vertical="center"/>
    </xf>
    <xf numFmtId="165" fontId="5" fillId="0" borderId="9" xfId="1" applyNumberFormat="1" applyFont="1" applyFill="1" applyBorder="1" applyAlignment="1">
      <alignment horizontal="center" vertical="center"/>
    </xf>
    <xf numFmtId="0" fontId="5" fillId="2" borderId="6"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5" xfId="1" applyFont="1" applyFill="1" applyBorder="1" applyAlignment="1">
      <alignment horizontal="center" vertical="center"/>
    </xf>
    <xf numFmtId="165" fontId="5" fillId="0" borderId="11" xfId="5" applyNumberFormat="1" applyFont="1" applyBorder="1" applyAlignment="1">
      <alignment horizontal="center" vertical="center"/>
    </xf>
    <xf numFmtId="165" fontId="5" fillId="0" borderId="6" xfId="5" applyNumberFormat="1" applyFont="1" applyBorder="1" applyAlignment="1">
      <alignment horizontal="center" vertical="center"/>
    </xf>
    <xf numFmtId="165" fontId="4" fillId="0" borderId="3" xfId="5" applyNumberFormat="1" applyFont="1" applyBorder="1" applyAlignment="1">
      <alignment horizontal="center" vertical="center"/>
    </xf>
    <xf numFmtId="165" fontId="5" fillId="0" borderId="8" xfId="5" applyNumberFormat="1" applyFont="1" applyBorder="1" applyAlignment="1">
      <alignment horizontal="center" vertical="center"/>
    </xf>
    <xf numFmtId="165" fontId="5" fillId="0" borderId="3" xfId="5" applyNumberFormat="1" applyFont="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4" fillId="0" borderId="0" xfId="1" applyFont="1" applyBorder="1" applyAlignment="1">
      <alignment horizontal="left" vertical="center"/>
    </xf>
    <xf numFmtId="0" fontId="4" fillId="0" borderId="3" xfId="1" applyFont="1" applyBorder="1" applyAlignment="1">
      <alignment horizontal="left"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165" fontId="4" fillId="0" borderId="1" xfId="1" applyNumberFormat="1" applyFont="1" applyFill="1" applyBorder="1" applyAlignment="1">
      <alignment horizontal="center" vertical="center"/>
    </xf>
    <xf numFmtId="165" fontId="4" fillId="0" borderId="12" xfId="1" applyNumberFormat="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165" fontId="4" fillId="0" borderId="0" xfId="1" applyNumberFormat="1" applyFont="1" applyFill="1" applyBorder="1" applyAlignment="1">
      <alignment horizontal="center" vertical="center"/>
    </xf>
    <xf numFmtId="0" fontId="5" fillId="0" borderId="0" xfId="1" applyNumberFormat="1" applyFont="1" applyFill="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0" fillId="0" borderId="5" xfId="0" applyBorder="1" applyAlignment="1">
      <alignment horizontal="center" vertical="center"/>
    </xf>
    <xf numFmtId="0" fontId="0" fillId="0" borderId="4" xfId="0" applyBorder="1" applyAlignment="1">
      <alignment horizontal="center" vertical="center"/>
    </xf>
    <xf numFmtId="0" fontId="5" fillId="2" borderId="12" xfId="1" applyFont="1" applyFill="1" applyBorder="1" applyAlignment="1">
      <alignment horizontal="center" vertical="center" wrapText="1"/>
    </xf>
    <xf numFmtId="0" fontId="4" fillId="0" borderId="7" xfId="1" applyFont="1" applyFill="1" applyBorder="1" applyAlignment="1">
      <alignment horizontal="left" vertical="center"/>
    </xf>
    <xf numFmtId="0" fontId="5" fillId="2" borderId="5" xfId="1" applyFont="1" applyFill="1" applyBorder="1" applyAlignment="1">
      <alignment horizontal="left" vertical="center" wrapText="1"/>
    </xf>
    <xf numFmtId="165" fontId="5" fillId="0" borderId="4" xfId="1" applyNumberFormat="1" applyFont="1" applyFill="1" applyBorder="1" applyAlignment="1">
      <alignment horizontal="center"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165" fontId="5" fillId="2" borderId="5" xfId="1" applyNumberFormat="1" applyFont="1" applyFill="1" applyBorder="1" applyAlignment="1">
      <alignment horizontal="center" vertical="center"/>
    </xf>
    <xf numFmtId="165" fontId="4" fillId="0" borderId="7" xfId="1" applyNumberFormat="1"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165" fontId="5" fillId="0" borderId="7" xfId="1" applyNumberFormat="1" applyFont="1" applyFill="1" applyBorder="1" applyAlignment="1">
      <alignment horizontal="center"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43" fontId="5" fillId="0" borderId="8" xfId="5" applyFont="1" applyFill="1" applyBorder="1" applyAlignment="1">
      <alignment horizontal="center" vertical="center"/>
    </xf>
    <xf numFmtId="43" fontId="5" fillId="0" borderId="0" xfId="5" applyFont="1" applyFill="1" applyBorder="1" applyAlignment="1">
      <alignment horizontal="center"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0" fontId="0" fillId="0" borderId="0" xfId="0" applyBorder="1" applyAlignment="1">
      <alignment horizontal="center" vertical="center"/>
    </xf>
    <xf numFmtId="43" fontId="5" fillId="0" borderId="11" xfId="5" applyFont="1" applyFill="1" applyBorder="1" applyAlignment="1">
      <alignment horizontal="center" vertical="center"/>
    </xf>
    <xf numFmtId="43" fontId="5" fillId="0" borderId="4" xfId="5" applyFont="1" applyFill="1" applyBorder="1" applyAlignment="1">
      <alignment horizontal="center" vertical="center"/>
    </xf>
    <xf numFmtId="0" fontId="5" fillId="2" borderId="11"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1" xfId="1" applyFont="1" applyFill="1" applyBorder="1" applyAlignment="1">
      <alignment horizontal="center" vertical="center" wrapText="1"/>
    </xf>
    <xf numFmtId="0" fontId="5" fillId="2" borderId="7" xfId="1" applyFont="1" applyFill="1" applyBorder="1" applyAlignment="1">
      <alignment horizontal="center" vertical="center" wrapText="1"/>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43" fontId="4" fillId="0" borderId="3" xfId="5" applyFont="1" applyFill="1" applyBorder="1" applyAlignment="1">
      <alignment horizontal="center" vertical="center"/>
    </xf>
    <xf numFmtId="43" fontId="4" fillId="0" borderId="12" xfId="5" applyFont="1" applyFill="1" applyBorder="1" applyAlignment="1">
      <alignment horizontal="center" vertical="center"/>
    </xf>
    <xf numFmtId="0" fontId="5" fillId="2" borderId="9" xfId="1" applyFont="1" applyFill="1" applyBorder="1" applyAlignment="1">
      <alignment horizontal="center" vertical="center"/>
    </xf>
    <xf numFmtId="0" fontId="4" fillId="0" borderId="0" xfId="0" applyFont="1" applyFill="1" applyBorder="1" applyAlignment="1">
      <alignment horizontal="left" vertical="center" wrapText="1"/>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5" fillId="0" borderId="6" xfId="1" applyFont="1" applyFill="1" applyBorder="1" applyAlignment="1">
      <alignment horizontal="left" vertical="center"/>
    </xf>
    <xf numFmtId="43" fontId="5" fillId="0" borderId="6" xfId="5" applyFont="1" applyFill="1" applyBorder="1" applyAlignment="1">
      <alignment horizontal="center" vertical="center"/>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4" fontId="5" fillId="3" borderId="1" xfId="1" applyNumberFormat="1" applyFont="1" applyFill="1" applyBorder="1" applyAlignment="1">
      <alignment horizontal="right" vertical="center" wrapText="1"/>
    </xf>
    <xf numFmtId="4" fontId="5" fillId="3" borderId="12" xfId="1" applyNumberFormat="1" applyFont="1" applyFill="1" applyBorder="1" applyAlignment="1">
      <alignment horizontal="right" vertical="center" wrapText="1"/>
    </xf>
    <xf numFmtId="43" fontId="4" fillId="0" borderId="11" xfId="1" applyNumberFormat="1" applyFont="1" applyBorder="1" applyAlignment="1">
      <alignment horizontal="center" vertical="center"/>
    </xf>
    <xf numFmtId="0" fontId="4" fillId="0" borderId="4" xfId="1" applyFont="1" applyBorder="1" applyAlignment="1">
      <alignment horizontal="center" vertical="center"/>
    </xf>
    <xf numFmtId="43" fontId="4" fillId="0" borderId="8" xfId="1" applyNumberFormat="1" applyFont="1" applyBorder="1" applyAlignment="1">
      <alignment horizontal="center" vertical="center"/>
    </xf>
    <xf numFmtId="0" fontId="4" fillId="0" borderId="0" xfId="1" applyFont="1" applyBorder="1" applyAlignment="1">
      <alignment horizontal="center" vertical="center"/>
    </xf>
    <xf numFmtId="43" fontId="4" fillId="0" borderId="1" xfId="1" applyNumberFormat="1" applyFont="1" applyBorder="1" applyAlignment="1">
      <alignment horizontal="center" vertical="center"/>
    </xf>
    <xf numFmtId="0" fontId="4" fillId="0" borderId="7" xfId="1" applyFont="1" applyBorder="1" applyAlignment="1">
      <alignment horizontal="center" vertical="center"/>
    </xf>
    <xf numFmtId="0" fontId="5" fillId="2" borderId="1" xfId="1" applyFont="1" applyFill="1" applyBorder="1" applyAlignment="1">
      <alignment horizontal="center" vertical="top" wrapText="1"/>
    </xf>
    <xf numFmtId="0" fontId="5" fillId="2" borderId="7" xfId="1" applyFont="1" applyFill="1" applyBorder="1" applyAlignment="1">
      <alignment horizontal="center" vertical="top" wrapText="1"/>
    </xf>
    <xf numFmtId="4" fontId="5" fillId="2" borderId="10" xfId="1" applyNumberFormat="1" applyFont="1" applyFill="1" applyBorder="1" applyAlignment="1">
      <alignment horizontal="center" vertical="center"/>
    </xf>
    <xf numFmtId="4" fontId="5" fillId="2" borderId="9" xfId="1" applyNumberFormat="1" applyFont="1" applyFill="1" applyBorder="1" applyAlignment="1">
      <alignment horizontal="center" vertical="center"/>
    </xf>
    <xf numFmtId="165" fontId="4" fillId="0" borderId="11" xfId="1" applyNumberFormat="1" applyFont="1" applyFill="1" applyBorder="1" applyAlignment="1">
      <alignment horizontal="center" vertical="center"/>
    </xf>
    <xf numFmtId="165" fontId="4" fillId="0" borderId="4"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0" fontId="5" fillId="2" borderId="4" xfId="1" applyFont="1" applyFill="1" applyBorder="1" applyAlignment="1">
      <alignment horizontal="center"/>
    </xf>
    <xf numFmtId="0" fontId="5" fillId="2" borderId="7" xfId="1" applyFont="1" applyFill="1" applyBorder="1" applyAlignment="1">
      <alignment horizontal="center" vertical="top"/>
    </xf>
    <xf numFmtId="0" fontId="5" fillId="2" borderId="9" xfId="1" applyFont="1" applyFill="1" applyBorder="1" applyAlignment="1">
      <alignment horizontal="left" vertical="center" wrapText="1"/>
    </xf>
    <xf numFmtId="0" fontId="5" fillId="2" borderId="14"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13" xfId="1" applyFont="1" applyFill="1" applyBorder="1" applyAlignment="1">
      <alignment horizontal="center" vertical="center" wrapText="1"/>
    </xf>
    <xf numFmtId="43" fontId="4" fillId="0" borderId="5" xfId="1" applyNumberFormat="1" applyFont="1" applyFill="1" applyBorder="1" applyAlignment="1">
      <alignment vertical="center"/>
    </xf>
    <xf numFmtId="0" fontId="5" fillId="2" borderId="5" xfId="1" applyFont="1" applyFill="1" applyBorder="1" applyAlignment="1">
      <alignment vertical="center"/>
    </xf>
    <xf numFmtId="43" fontId="5" fillId="2" borderId="10" xfId="1" applyNumberFormat="1" applyFont="1" applyFill="1" applyBorder="1" applyAlignment="1">
      <alignment horizontal="center" vertical="center"/>
    </xf>
    <xf numFmtId="4" fontId="4" fillId="3" borderId="11" xfId="1" applyNumberFormat="1" applyFont="1" applyFill="1" applyBorder="1" applyAlignment="1">
      <alignment horizontal="right" vertical="center" wrapText="1"/>
    </xf>
    <xf numFmtId="4" fontId="4" fillId="3" borderId="6" xfId="1" applyNumberFormat="1" applyFont="1" applyFill="1" applyBorder="1" applyAlignment="1">
      <alignment horizontal="right" vertical="center" wrapText="1"/>
    </xf>
    <xf numFmtId="4" fontId="4" fillId="3" borderId="8" xfId="1" applyNumberFormat="1" applyFont="1" applyFill="1" applyBorder="1" applyAlignment="1">
      <alignment horizontal="right" vertical="center" wrapText="1"/>
    </xf>
    <xf numFmtId="4" fontId="4" fillId="3" borderId="3" xfId="1" applyNumberFormat="1" applyFont="1" applyFill="1" applyBorder="1" applyAlignment="1">
      <alignment horizontal="right" vertical="center" wrapText="1"/>
    </xf>
    <xf numFmtId="0" fontId="5" fillId="0" borderId="0" xfId="1" applyNumberFormat="1" applyFont="1" applyAlignment="1">
      <alignment horizontal="center" vertical="center" wrapText="1"/>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0" fontId="4" fillId="0" borderId="11" xfId="1" applyFont="1" applyBorder="1" applyAlignment="1">
      <alignment horizontal="center" vertical="center"/>
    </xf>
    <xf numFmtId="0" fontId="4" fillId="0" borderId="8" xfId="1" applyFont="1" applyBorder="1" applyAlignment="1">
      <alignment horizontal="center" vertical="center"/>
    </xf>
    <xf numFmtId="0" fontId="4" fillId="0" borderId="1" xfId="1" applyFont="1" applyBorder="1" applyAlignment="1">
      <alignment horizontal="center" vertical="center"/>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8"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165" fontId="5" fillId="0" borderId="11" xfId="0" applyNumberFormat="1" applyFont="1" applyFill="1" applyBorder="1" applyAlignment="1">
      <alignment horizontal="left" vertical="center"/>
    </xf>
    <xf numFmtId="165" fontId="5" fillId="0" borderId="4" xfId="0" applyNumberFormat="1" applyFont="1" applyFill="1" applyBorder="1" applyAlignment="1">
      <alignment horizontal="left" vertical="center"/>
    </xf>
    <xf numFmtId="165" fontId="5" fillId="0" borderId="6" xfId="0" applyNumberFormat="1" applyFont="1" applyFill="1" applyBorder="1" applyAlignment="1">
      <alignment horizontal="left" vertical="center"/>
    </xf>
    <xf numFmtId="165" fontId="4" fillId="0" borderId="8" xfId="0" applyNumberFormat="1" applyFont="1" applyFill="1" applyBorder="1" applyAlignment="1">
      <alignment horizontal="left" vertical="center"/>
    </xf>
    <xf numFmtId="165" fontId="4" fillId="0" borderId="0" xfId="0" applyNumberFormat="1" applyFont="1" applyFill="1" applyAlignment="1">
      <alignment horizontal="left" vertical="center"/>
    </xf>
    <xf numFmtId="165" fontId="4" fillId="0" borderId="3" xfId="0" applyNumberFormat="1" applyFont="1" applyFill="1" applyBorder="1" applyAlignment="1">
      <alignment horizontal="left" vertical="center"/>
    </xf>
    <xf numFmtId="165" fontId="4" fillId="0" borderId="0" xfId="0" applyNumberFormat="1" applyFont="1" applyFill="1" applyBorder="1" applyAlignment="1">
      <alignment horizontal="left" vertical="center"/>
    </xf>
    <xf numFmtId="165" fontId="4" fillId="0" borderId="1" xfId="0" applyNumberFormat="1" applyFont="1" applyFill="1" applyBorder="1" applyAlignment="1">
      <alignment horizontal="left" vertical="center"/>
    </xf>
    <xf numFmtId="165" fontId="4" fillId="0" borderId="7" xfId="0" applyNumberFormat="1" applyFont="1" applyFill="1" applyBorder="1" applyAlignment="1">
      <alignment horizontal="left" vertical="center"/>
    </xf>
    <xf numFmtId="165" fontId="4" fillId="0" borderId="12" xfId="0" applyNumberFormat="1" applyFont="1" applyFill="1" applyBorder="1" applyAlignment="1">
      <alignment horizontal="left" vertical="center"/>
    </xf>
    <xf numFmtId="165" fontId="5" fillId="2" borderId="10" xfId="0" applyNumberFormat="1" applyFont="1" applyFill="1" applyBorder="1" applyAlignment="1">
      <alignment horizontal="left" vertical="center"/>
    </xf>
    <xf numFmtId="165" fontId="5" fillId="2" borderId="5" xfId="0" applyNumberFormat="1" applyFont="1" applyFill="1" applyBorder="1" applyAlignment="1">
      <alignment horizontal="left" vertical="center"/>
    </xf>
    <xf numFmtId="165" fontId="5" fillId="2" borderId="9" xfId="0" applyNumberFormat="1" applyFont="1" applyFill="1" applyBorder="1" applyAlignment="1">
      <alignment horizontal="left" vertical="center"/>
    </xf>
    <xf numFmtId="165" fontId="4" fillId="0" borderId="11" xfId="0" applyNumberFormat="1" applyFont="1" applyFill="1" applyBorder="1" applyAlignment="1">
      <alignment horizontal="left" vertical="center"/>
    </xf>
    <xf numFmtId="165" fontId="4" fillId="0" borderId="4" xfId="0" applyNumberFormat="1" applyFont="1" applyFill="1" applyBorder="1" applyAlignment="1">
      <alignment horizontal="left" vertical="center"/>
    </xf>
    <xf numFmtId="165" fontId="4" fillId="0" borderId="6" xfId="0" applyNumberFormat="1" applyFont="1" applyFill="1" applyBorder="1" applyAlignment="1">
      <alignment horizontal="left"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12"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xf>
    <xf numFmtId="165" fontId="4" fillId="0" borderId="4"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165" fontId="4" fillId="0" borderId="6" xfId="0" applyNumberFormat="1" applyFont="1" applyFill="1" applyBorder="1" applyAlignment="1">
      <alignment horizontal="center" vertical="center"/>
    </xf>
    <xf numFmtId="165" fontId="4" fillId="0" borderId="10" xfId="0" applyNumberFormat="1" applyFont="1" applyFill="1" applyBorder="1" applyAlignment="1">
      <alignment horizontal="center" vertical="center"/>
    </xf>
    <xf numFmtId="165" fontId="4" fillId="0" borderId="5" xfId="0" applyNumberFormat="1"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165" fontId="5" fillId="0" borderId="11" xfId="0" applyNumberFormat="1" applyFont="1" applyFill="1" applyBorder="1" applyAlignment="1">
      <alignment horizontal="center" vertical="center"/>
    </xf>
    <xf numFmtId="165" fontId="5" fillId="0" borderId="4"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wrapText="1"/>
    </xf>
    <xf numFmtId="165" fontId="4" fillId="0" borderId="4" xfId="0" applyNumberFormat="1" applyFont="1" applyFill="1" applyBorder="1" applyAlignment="1">
      <alignment horizontal="center" vertical="center" wrapText="1"/>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331449</xdr:colOff>
      <xdr:row>97</xdr:row>
      <xdr:rowOff>0</xdr:rowOff>
    </xdr:from>
    <xdr:to>
      <xdr:col>0</xdr:col>
      <xdr:colOff>2581275</xdr:colOff>
      <xdr:row>101</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7</xdr:row>
      <xdr:rowOff>0</xdr:rowOff>
    </xdr:from>
    <xdr:to>
      <xdr:col>3</xdr:col>
      <xdr:colOff>304800</xdr:colOff>
      <xdr:row>101</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7</xdr:row>
      <xdr:rowOff>0</xdr:rowOff>
    </xdr:from>
    <xdr:to>
      <xdr:col>6</xdr:col>
      <xdr:colOff>1095375</xdr:colOff>
      <xdr:row>101</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346161</xdr:colOff>
      <xdr:row>191</xdr:row>
      <xdr:rowOff>0</xdr:rowOff>
    </xdr:from>
    <xdr:to>
      <xdr:col>3</xdr:col>
      <xdr:colOff>405891</xdr:colOff>
      <xdr:row>195</xdr:row>
      <xdr:rowOff>22225</xdr:rowOff>
    </xdr:to>
    <xdr:sp macro="" textlink="">
      <xdr:nvSpPr>
        <xdr:cNvPr id="8" name="CaixaDeTexto 7"/>
        <xdr:cNvSpPr txBox="1"/>
      </xdr:nvSpPr>
      <xdr:spPr>
        <a:xfrm>
          <a:off x="5727786" y="29027438"/>
          <a:ext cx="2667199" cy="5461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03071</xdr:colOff>
      <xdr:row>191</xdr:row>
      <xdr:rowOff>0</xdr:rowOff>
    </xdr:from>
    <xdr:to>
      <xdr:col>7</xdr:col>
      <xdr:colOff>950535</xdr:colOff>
      <xdr:row>195</xdr:row>
      <xdr:rowOff>62764</xdr:rowOff>
    </xdr:to>
    <xdr:sp macro="" textlink="">
      <xdr:nvSpPr>
        <xdr:cNvPr id="9" name="CaixaDeTexto 8"/>
        <xdr:cNvSpPr txBox="1"/>
      </xdr:nvSpPr>
      <xdr:spPr>
        <a:xfrm>
          <a:off x="10337571" y="29027438"/>
          <a:ext cx="3424089" cy="5866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531473</xdr:colOff>
      <xdr:row>129</xdr:row>
      <xdr:rowOff>0</xdr:rowOff>
    </xdr:from>
    <xdr:to>
      <xdr:col>0</xdr:col>
      <xdr:colOff>2924175</xdr:colOff>
      <xdr:row>133</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774279</xdr:colOff>
      <xdr:row>129</xdr:row>
      <xdr:rowOff>0</xdr:rowOff>
    </xdr:from>
    <xdr:to>
      <xdr:col>3</xdr:col>
      <xdr:colOff>825764</xdr:colOff>
      <xdr:row>133</xdr:row>
      <xdr:rowOff>22225</xdr:rowOff>
    </xdr:to>
    <xdr:sp macro="" textlink="">
      <xdr:nvSpPr>
        <xdr:cNvPr id="7" name="CaixaDeTexto 6"/>
        <xdr:cNvSpPr txBox="1"/>
      </xdr:nvSpPr>
      <xdr:spPr>
        <a:xfrm>
          <a:off x="4982774" y="22879439"/>
          <a:ext cx="2617403"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156373</xdr:colOff>
      <xdr:row>129</xdr:row>
      <xdr:rowOff>0</xdr:rowOff>
    </xdr:from>
    <xdr:to>
      <xdr:col>7</xdr:col>
      <xdr:colOff>728562</xdr:colOff>
      <xdr:row>133</xdr:row>
      <xdr:rowOff>62764</xdr:rowOff>
    </xdr:to>
    <xdr:sp macro="" textlink="">
      <xdr:nvSpPr>
        <xdr:cNvPr id="8" name="CaixaDeTexto 7"/>
        <xdr:cNvSpPr txBox="1"/>
      </xdr:nvSpPr>
      <xdr:spPr>
        <a:xfrm>
          <a:off x="9194307" y="22879439"/>
          <a:ext cx="3187801" cy="64592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7</xdr:row>
      <xdr:rowOff>0</xdr:rowOff>
    </xdr:from>
    <xdr:to>
      <xdr:col>0</xdr:col>
      <xdr:colOff>2585355</xdr:colOff>
      <xdr:row>111</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328623</xdr:colOff>
      <xdr:row>107</xdr:row>
      <xdr:rowOff>0</xdr:rowOff>
    </xdr:from>
    <xdr:to>
      <xdr:col>4</xdr:col>
      <xdr:colOff>1014950</xdr:colOff>
      <xdr:row>111</xdr:row>
      <xdr:rowOff>62764</xdr:rowOff>
    </xdr:to>
    <xdr:sp macro="" textlink="">
      <xdr:nvSpPr>
        <xdr:cNvPr id="8" name="CaixaDeTexto 7"/>
        <xdr:cNvSpPr txBox="1"/>
      </xdr:nvSpPr>
      <xdr:spPr>
        <a:xfrm>
          <a:off x="774859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177612</xdr:colOff>
      <xdr:row>107</xdr:row>
      <xdr:rowOff>19050</xdr:rowOff>
    </xdr:from>
    <xdr:to>
      <xdr:col>1</xdr:col>
      <xdr:colOff>619122</xdr:colOff>
      <xdr:row>111</xdr:row>
      <xdr:rowOff>41275</xdr:rowOff>
    </xdr:to>
    <xdr:sp macro="" textlink="">
      <xdr:nvSpPr>
        <xdr:cNvPr id="9" name="CaixaDeTexto 8"/>
        <xdr:cNvSpPr txBox="1"/>
      </xdr:nvSpPr>
      <xdr:spPr>
        <a:xfrm>
          <a:off x="4177612" y="15649575"/>
          <a:ext cx="26137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95</xdr:row>
      <xdr:rowOff>0</xdr:rowOff>
    </xdr:from>
    <xdr:to>
      <xdr:col>1</xdr:col>
      <xdr:colOff>674759</xdr:colOff>
      <xdr:row>199</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95</xdr:row>
      <xdr:rowOff>0</xdr:rowOff>
    </xdr:from>
    <xdr:to>
      <xdr:col>6</xdr:col>
      <xdr:colOff>152400</xdr:colOff>
      <xdr:row>199</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95</xdr:row>
      <xdr:rowOff>0</xdr:rowOff>
    </xdr:from>
    <xdr:to>
      <xdr:col>11</xdr:col>
      <xdr:colOff>541421</xdr:colOff>
      <xdr:row>199</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7</xdr:row>
      <xdr:rowOff>0</xdr:rowOff>
    </xdr:from>
    <xdr:to>
      <xdr:col>1</xdr:col>
      <xdr:colOff>674759</xdr:colOff>
      <xdr:row>111</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7</xdr:row>
      <xdr:rowOff>0</xdr:rowOff>
    </xdr:from>
    <xdr:to>
      <xdr:col>6</xdr:col>
      <xdr:colOff>152400</xdr:colOff>
      <xdr:row>111</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7</xdr:row>
      <xdr:rowOff>0</xdr:rowOff>
    </xdr:from>
    <xdr:to>
      <xdr:col>11</xdr:col>
      <xdr:colOff>541421</xdr:colOff>
      <xdr:row>111</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924300</xdr:colOff>
      <xdr:row>54</xdr:row>
      <xdr:rowOff>0</xdr:rowOff>
    </xdr:from>
    <xdr:to>
      <xdr:col>3</xdr:col>
      <xdr:colOff>186640</xdr:colOff>
      <xdr:row>58</xdr:row>
      <xdr:rowOff>22225</xdr:rowOff>
    </xdr:to>
    <xdr:sp macro="" textlink="">
      <xdr:nvSpPr>
        <xdr:cNvPr id="8" name="CaixaDeTexto 7"/>
        <xdr:cNvSpPr txBox="1"/>
      </xdr:nvSpPr>
      <xdr:spPr>
        <a:xfrm>
          <a:off x="3924300" y="8315325"/>
          <a:ext cx="281554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1133475</xdr:colOff>
      <xdr:row>54</xdr:row>
      <xdr:rowOff>0</xdr:rowOff>
    </xdr:from>
    <xdr:to>
      <xdr:col>6</xdr:col>
      <xdr:colOff>970046</xdr:colOff>
      <xdr:row>58</xdr:row>
      <xdr:rowOff>62764</xdr:rowOff>
    </xdr:to>
    <xdr:sp macro="" textlink="">
      <xdr:nvSpPr>
        <xdr:cNvPr id="9" name="CaixaDeTexto 8"/>
        <xdr:cNvSpPr txBox="1"/>
      </xdr:nvSpPr>
      <xdr:spPr>
        <a:xfrm>
          <a:off x="7686675" y="8315325"/>
          <a:ext cx="367514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10" Type="http://schemas.openxmlformats.org/officeDocument/2006/relationships/drawing" Target="../drawings/drawing1.xml"/><Relationship Id="rId4" Type="http://schemas.openxmlformats.org/officeDocument/2006/relationships/printerSettings" Target="../printerSettings/printerSettings4.bin"/><Relationship Id="rId9" Type="http://schemas.openxmlformats.org/officeDocument/2006/relationships/printerSettings" Target="../printerSettings/printerSettings9.bin"/></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86.bin"/><Relationship Id="rId3" Type="http://schemas.openxmlformats.org/officeDocument/2006/relationships/printerSettings" Target="../printerSettings/printerSettings81.bin"/><Relationship Id="rId7" Type="http://schemas.openxmlformats.org/officeDocument/2006/relationships/printerSettings" Target="../printerSettings/printerSettings85.bin"/><Relationship Id="rId2" Type="http://schemas.openxmlformats.org/officeDocument/2006/relationships/printerSettings" Target="../printerSettings/printerSettings80.bin"/><Relationship Id="rId1" Type="http://schemas.openxmlformats.org/officeDocument/2006/relationships/printerSettings" Target="../printerSettings/printerSettings79.bin"/><Relationship Id="rId6" Type="http://schemas.openxmlformats.org/officeDocument/2006/relationships/printerSettings" Target="../printerSettings/printerSettings84.bin"/><Relationship Id="rId5" Type="http://schemas.openxmlformats.org/officeDocument/2006/relationships/printerSettings" Target="../printerSettings/printerSettings83.bin"/><Relationship Id="rId10" Type="http://schemas.openxmlformats.org/officeDocument/2006/relationships/drawing" Target="../drawings/drawing10.xml"/><Relationship Id="rId4" Type="http://schemas.openxmlformats.org/officeDocument/2006/relationships/printerSettings" Target="../printerSettings/printerSettings82.bin"/><Relationship Id="rId9" Type="http://schemas.openxmlformats.org/officeDocument/2006/relationships/printerSettings" Target="../printerSettings/printerSettings87.bin"/></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95.bin"/><Relationship Id="rId3" Type="http://schemas.openxmlformats.org/officeDocument/2006/relationships/printerSettings" Target="../printerSettings/printerSettings90.bin"/><Relationship Id="rId7" Type="http://schemas.openxmlformats.org/officeDocument/2006/relationships/printerSettings" Target="../printerSettings/printerSettings94.bin"/><Relationship Id="rId2" Type="http://schemas.openxmlformats.org/officeDocument/2006/relationships/printerSettings" Target="../printerSettings/printerSettings89.bin"/><Relationship Id="rId1" Type="http://schemas.openxmlformats.org/officeDocument/2006/relationships/printerSettings" Target="../printerSettings/printerSettings88.bin"/><Relationship Id="rId6" Type="http://schemas.openxmlformats.org/officeDocument/2006/relationships/printerSettings" Target="../printerSettings/printerSettings93.bin"/><Relationship Id="rId5" Type="http://schemas.openxmlformats.org/officeDocument/2006/relationships/printerSettings" Target="../printerSettings/printerSettings92.bin"/><Relationship Id="rId10" Type="http://schemas.openxmlformats.org/officeDocument/2006/relationships/drawing" Target="../drawings/drawing11.xml"/><Relationship Id="rId4" Type="http://schemas.openxmlformats.org/officeDocument/2006/relationships/printerSettings" Target="../printerSettings/printerSettings91.bin"/><Relationship Id="rId9" Type="http://schemas.openxmlformats.org/officeDocument/2006/relationships/printerSettings" Target="../printerSettings/printerSettings96.bin"/></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104.bin"/><Relationship Id="rId3" Type="http://schemas.openxmlformats.org/officeDocument/2006/relationships/printerSettings" Target="../printerSettings/printerSettings99.bin"/><Relationship Id="rId7" Type="http://schemas.openxmlformats.org/officeDocument/2006/relationships/printerSettings" Target="../printerSettings/printerSettings103.bin"/><Relationship Id="rId2" Type="http://schemas.openxmlformats.org/officeDocument/2006/relationships/printerSettings" Target="../printerSettings/printerSettings98.bin"/><Relationship Id="rId1" Type="http://schemas.openxmlformats.org/officeDocument/2006/relationships/printerSettings" Target="../printerSettings/printerSettings97.bin"/><Relationship Id="rId6" Type="http://schemas.openxmlformats.org/officeDocument/2006/relationships/printerSettings" Target="../printerSettings/printerSettings102.bin"/><Relationship Id="rId5" Type="http://schemas.openxmlformats.org/officeDocument/2006/relationships/printerSettings" Target="../printerSettings/printerSettings101.bin"/><Relationship Id="rId10" Type="http://schemas.openxmlformats.org/officeDocument/2006/relationships/drawing" Target="../drawings/drawing12.xml"/><Relationship Id="rId4" Type="http://schemas.openxmlformats.org/officeDocument/2006/relationships/printerSettings" Target="../printerSettings/printerSettings100.bin"/><Relationship Id="rId9" Type="http://schemas.openxmlformats.org/officeDocument/2006/relationships/printerSettings" Target="../printerSettings/printerSettings105.bin"/></Relationships>
</file>

<file path=xl/worksheets/_rels/sheet13.xml.rels><?xml version="1.0" encoding="UTF-8" standalone="yes"?>
<Relationships xmlns="http://schemas.openxmlformats.org/package/2006/relationships"><Relationship Id="rId8" Type="http://schemas.openxmlformats.org/officeDocument/2006/relationships/printerSettings" Target="../printerSettings/printerSettings113.bin"/><Relationship Id="rId3" Type="http://schemas.openxmlformats.org/officeDocument/2006/relationships/printerSettings" Target="../printerSettings/printerSettings108.bin"/><Relationship Id="rId7" Type="http://schemas.openxmlformats.org/officeDocument/2006/relationships/printerSettings" Target="../printerSettings/printerSettings112.bin"/><Relationship Id="rId2" Type="http://schemas.openxmlformats.org/officeDocument/2006/relationships/printerSettings" Target="../printerSettings/printerSettings107.bin"/><Relationship Id="rId1" Type="http://schemas.openxmlformats.org/officeDocument/2006/relationships/printerSettings" Target="../printerSettings/printerSettings106.bin"/><Relationship Id="rId6" Type="http://schemas.openxmlformats.org/officeDocument/2006/relationships/printerSettings" Target="../printerSettings/printerSettings111.bin"/><Relationship Id="rId5" Type="http://schemas.openxmlformats.org/officeDocument/2006/relationships/printerSettings" Target="../printerSettings/printerSettings110.bin"/><Relationship Id="rId4" Type="http://schemas.openxmlformats.org/officeDocument/2006/relationships/printerSettings" Target="../printerSettings/printerSettings109.bin"/><Relationship Id="rId9" Type="http://schemas.openxmlformats.org/officeDocument/2006/relationships/drawing" Target="../drawings/drawing13.xml"/></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21.bin"/><Relationship Id="rId3" Type="http://schemas.openxmlformats.org/officeDocument/2006/relationships/printerSettings" Target="../printerSettings/printerSettings116.bin"/><Relationship Id="rId7" Type="http://schemas.openxmlformats.org/officeDocument/2006/relationships/printerSettings" Target="../printerSettings/printerSettings120.bin"/><Relationship Id="rId2" Type="http://schemas.openxmlformats.org/officeDocument/2006/relationships/printerSettings" Target="../printerSettings/printerSettings115.bin"/><Relationship Id="rId1" Type="http://schemas.openxmlformats.org/officeDocument/2006/relationships/printerSettings" Target="../printerSettings/printerSettings114.bin"/><Relationship Id="rId6" Type="http://schemas.openxmlformats.org/officeDocument/2006/relationships/printerSettings" Target="../printerSettings/printerSettings119.bin"/><Relationship Id="rId5" Type="http://schemas.openxmlformats.org/officeDocument/2006/relationships/printerSettings" Target="../printerSettings/printerSettings118.bin"/><Relationship Id="rId10" Type="http://schemas.openxmlformats.org/officeDocument/2006/relationships/drawing" Target="../drawings/drawing14.xml"/><Relationship Id="rId4" Type="http://schemas.openxmlformats.org/officeDocument/2006/relationships/printerSettings" Target="../printerSettings/printerSettings117.bin"/><Relationship Id="rId9" Type="http://schemas.openxmlformats.org/officeDocument/2006/relationships/printerSettings" Target="../printerSettings/printerSettings122.bin"/></Relationships>
</file>

<file path=xl/worksheets/_rels/sheet2.xml.rels><?xml version="1.0" encoding="UTF-8" standalone="yes"?>
<Relationships xmlns="http://schemas.openxmlformats.org/package/2006/relationships"><Relationship Id="rId8" Type="http://schemas.openxmlformats.org/officeDocument/2006/relationships/drawing" Target="../drawings/drawing2.xml"/><Relationship Id="rId3" Type="http://schemas.openxmlformats.org/officeDocument/2006/relationships/printerSettings" Target="../printerSettings/printerSettings12.bin"/><Relationship Id="rId7" Type="http://schemas.openxmlformats.org/officeDocument/2006/relationships/printerSettings" Target="../printerSettings/printerSettings16.bin"/><Relationship Id="rId2" Type="http://schemas.openxmlformats.org/officeDocument/2006/relationships/printerSettings" Target="../printerSettings/printerSettings11.bin"/><Relationship Id="rId1" Type="http://schemas.openxmlformats.org/officeDocument/2006/relationships/printerSettings" Target="../printerSettings/printerSettings10.bin"/><Relationship Id="rId6" Type="http://schemas.openxmlformats.org/officeDocument/2006/relationships/printerSettings" Target="../printerSettings/printerSettings15.bin"/><Relationship Id="rId5" Type="http://schemas.openxmlformats.org/officeDocument/2006/relationships/printerSettings" Target="../printerSettings/printerSettings14.bin"/><Relationship Id="rId4" Type="http://schemas.openxmlformats.org/officeDocument/2006/relationships/printerSettings" Target="../printerSettings/printerSettings13.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4.bin"/><Relationship Id="rId3" Type="http://schemas.openxmlformats.org/officeDocument/2006/relationships/printerSettings" Target="../printerSettings/printerSettings19.bin"/><Relationship Id="rId7" Type="http://schemas.openxmlformats.org/officeDocument/2006/relationships/printerSettings" Target="../printerSettings/printerSettings23.bin"/><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 Id="rId6" Type="http://schemas.openxmlformats.org/officeDocument/2006/relationships/printerSettings" Target="../printerSettings/printerSettings22.bin"/><Relationship Id="rId5" Type="http://schemas.openxmlformats.org/officeDocument/2006/relationships/printerSettings" Target="../printerSettings/printerSettings21.bin"/><Relationship Id="rId10" Type="http://schemas.openxmlformats.org/officeDocument/2006/relationships/drawing" Target="../drawings/drawing3.xml"/><Relationship Id="rId4" Type="http://schemas.openxmlformats.org/officeDocument/2006/relationships/printerSettings" Target="../printerSettings/printerSettings20.bin"/><Relationship Id="rId9" Type="http://schemas.openxmlformats.org/officeDocument/2006/relationships/printerSettings" Target="../printerSettings/printerSettings25.bin"/></Relationships>
</file>

<file path=xl/worksheets/_rels/sheet4.xml.rels><?xml version="1.0" encoding="UTF-8" standalone="yes"?>
<Relationships xmlns="http://schemas.openxmlformats.org/package/2006/relationships"><Relationship Id="rId8" Type="http://schemas.openxmlformats.org/officeDocument/2006/relationships/printerSettings" Target="../printerSettings/printerSettings33.bin"/><Relationship Id="rId3" Type="http://schemas.openxmlformats.org/officeDocument/2006/relationships/printerSettings" Target="../printerSettings/printerSettings28.bin"/><Relationship Id="rId7" Type="http://schemas.openxmlformats.org/officeDocument/2006/relationships/printerSettings" Target="../printerSettings/printerSettings32.bin"/><Relationship Id="rId2" Type="http://schemas.openxmlformats.org/officeDocument/2006/relationships/printerSettings" Target="../printerSettings/printerSettings27.bin"/><Relationship Id="rId1" Type="http://schemas.openxmlformats.org/officeDocument/2006/relationships/printerSettings" Target="../printerSettings/printerSettings26.bin"/><Relationship Id="rId6" Type="http://schemas.openxmlformats.org/officeDocument/2006/relationships/printerSettings" Target="../printerSettings/printerSettings31.bin"/><Relationship Id="rId5" Type="http://schemas.openxmlformats.org/officeDocument/2006/relationships/printerSettings" Target="../printerSettings/printerSettings30.bin"/><Relationship Id="rId4" Type="http://schemas.openxmlformats.org/officeDocument/2006/relationships/printerSettings" Target="../printerSettings/printerSettings29.bin"/><Relationship Id="rId9" Type="http://schemas.openxmlformats.org/officeDocument/2006/relationships/drawing" Target="../drawings/drawing4.xml"/></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41.bin"/><Relationship Id="rId3" Type="http://schemas.openxmlformats.org/officeDocument/2006/relationships/printerSettings" Target="../printerSettings/printerSettings36.bin"/><Relationship Id="rId7" Type="http://schemas.openxmlformats.org/officeDocument/2006/relationships/printerSettings" Target="../printerSettings/printerSettings40.bin"/><Relationship Id="rId2" Type="http://schemas.openxmlformats.org/officeDocument/2006/relationships/printerSettings" Target="../printerSettings/printerSettings35.bin"/><Relationship Id="rId1" Type="http://schemas.openxmlformats.org/officeDocument/2006/relationships/printerSettings" Target="../printerSettings/printerSettings34.bin"/><Relationship Id="rId6" Type="http://schemas.openxmlformats.org/officeDocument/2006/relationships/printerSettings" Target="../printerSettings/printerSettings39.bin"/><Relationship Id="rId5" Type="http://schemas.openxmlformats.org/officeDocument/2006/relationships/printerSettings" Target="../printerSettings/printerSettings38.bin"/><Relationship Id="rId10" Type="http://schemas.openxmlformats.org/officeDocument/2006/relationships/drawing" Target="../drawings/drawing5.xml"/><Relationship Id="rId4" Type="http://schemas.openxmlformats.org/officeDocument/2006/relationships/printerSettings" Target="../printerSettings/printerSettings37.bin"/><Relationship Id="rId9" Type="http://schemas.openxmlformats.org/officeDocument/2006/relationships/printerSettings" Target="../printerSettings/printerSettings42.bin"/></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50.bin"/><Relationship Id="rId3" Type="http://schemas.openxmlformats.org/officeDocument/2006/relationships/printerSettings" Target="../printerSettings/printerSettings45.bin"/><Relationship Id="rId7" Type="http://schemas.openxmlformats.org/officeDocument/2006/relationships/printerSettings" Target="../printerSettings/printerSettings49.bin"/><Relationship Id="rId2" Type="http://schemas.openxmlformats.org/officeDocument/2006/relationships/printerSettings" Target="../printerSettings/printerSettings44.bin"/><Relationship Id="rId1" Type="http://schemas.openxmlformats.org/officeDocument/2006/relationships/printerSettings" Target="../printerSettings/printerSettings43.bin"/><Relationship Id="rId6" Type="http://schemas.openxmlformats.org/officeDocument/2006/relationships/printerSettings" Target="../printerSettings/printerSettings48.bin"/><Relationship Id="rId5" Type="http://schemas.openxmlformats.org/officeDocument/2006/relationships/printerSettings" Target="../printerSettings/printerSettings47.bin"/><Relationship Id="rId10" Type="http://schemas.openxmlformats.org/officeDocument/2006/relationships/drawing" Target="../drawings/drawing6.xml"/><Relationship Id="rId4" Type="http://schemas.openxmlformats.org/officeDocument/2006/relationships/printerSettings" Target="../printerSettings/printerSettings46.bin"/><Relationship Id="rId9" Type="http://schemas.openxmlformats.org/officeDocument/2006/relationships/printerSettings" Target="../printerSettings/printerSettings51.bin"/></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9.bin"/><Relationship Id="rId3" Type="http://schemas.openxmlformats.org/officeDocument/2006/relationships/printerSettings" Target="../printerSettings/printerSettings54.bin"/><Relationship Id="rId7" Type="http://schemas.openxmlformats.org/officeDocument/2006/relationships/printerSettings" Target="../printerSettings/printerSettings58.bin"/><Relationship Id="rId2" Type="http://schemas.openxmlformats.org/officeDocument/2006/relationships/printerSettings" Target="../printerSettings/printerSettings53.bin"/><Relationship Id="rId1" Type="http://schemas.openxmlformats.org/officeDocument/2006/relationships/printerSettings" Target="../printerSettings/printerSettings52.bin"/><Relationship Id="rId6" Type="http://schemas.openxmlformats.org/officeDocument/2006/relationships/printerSettings" Target="../printerSettings/printerSettings57.bin"/><Relationship Id="rId5" Type="http://schemas.openxmlformats.org/officeDocument/2006/relationships/printerSettings" Target="../printerSettings/printerSettings56.bin"/><Relationship Id="rId10" Type="http://schemas.openxmlformats.org/officeDocument/2006/relationships/drawing" Target="../drawings/drawing7.xml"/><Relationship Id="rId4" Type="http://schemas.openxmlformats.org/officeDocument/2006/relationships/printerSettings" Target="../printerSettings/printerSettings55.bin"/><Relationship Id="rId9" Type="http://schemas.openxmlformats.org/officeDocument/2006/relationships/printerSettings" Target="../printerSettings/printerSettings60.bin"/></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8.bin"/><Relationship Id="rId3" Type="http://schemas.openxmlformats.org/officeDocument/2006/relationships/printerSettings" Target="../printerSettings/printerSettings63.bin"/><Relationship Id="rId7" Type="http://schemas.openxmlformats.org/officeDocument/2006/relationships/printerSettings" Target="../printerSettings/printerSettings67.bin"/><Relationship Id="rId2" Type="http://schemas.openxmlformats.org/officeDocument/2006/relationships/printerSettings" Target="../printerSettings/printerSettings62.bin"/><Relationship Id="rId1" Type="http://schemas.openxmlformats.org/officeDocument/2006/relationships/printerSettings" Target="../printerSettings/printerSettings61.bin"/><Relationship Id="rId6" Type="http://schemas.openxmlformats.org/officeDocument/2006/relationships/printerSettings" Target="../printerSettings/printerSettings66.bin"/><Relationship Id="rId5" Type="http://schemas.openxmlformats.org/officeDocument/2006/relationships/printerSettings" Target="../printerSettings/printerSettings65.bin"/><Relationship Id="rId10" Type="http://schemas.openxmlformats.org/officeDocument/2006/relationships/drawing" Target="../drawings/drawing8.xml"/><Relationship Id="rId4" Type="http://schemas.openxmlformats.org/officeDocument/2006/relationships/printerSettings" Target="../printerSettings/printerSettings64.bin"/><Relationship Id="rId9" Type="http://schemas.openxmlformats.org/officeDocument/2006/relationships/printerSettings" Target="../printerSettings/printerSettings69.bin"/></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10" Type="http://schemas.openxmlformats.org/officeDocument/2006/relationships/drawing" Target="../drawings/drawing9.xml"/><Relationship Id="rId4" Type="http://schemas.openxmlformats.org/officeDocument/2006/relationships/printerSettings" Target="../printerSettings/printerSettings73.bin"/><Relationship Id="rId9" Type="http://schemas.openxmlformats.org/officeDocument/2006/relationships/printerSettings" Target="../printerSettings/printerSettings7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tabColor rgb="FF00B050"/>
    <pageSetUpPr fitToPage="1"/>
  </sheetPr>
  <dimension ref="A1:N127"/>
  <sheetViews>
    <sheetView showGridLines="0" tabSelected="1" zoomScaleNormal="100" workbookViewId="0"/>
  </sheetViews>
  <sheetFormatPr defaultRowHeight="11.25" customHeight="1" x14ac:dyDescent="0.2"/>
  <cols>
    <col min="1" max="1" width="57.42578125" style="45" customWidth="1"/>
    <col min="2" max="3" width="20.28515625" style="45" bestFit="1" customWidth="1"/>
    <col min="4" max="4" width="19.140625" style="45" bestFit="1" customWidth="1"/>
    <col min="5" max="5" width="20.140625" style="45" bestFit="1" customWidth="1"/>
    <col min="6" max="8" width="19.140625" style="45" bestFit="1" customWidth="1"/>
    <col min="9" max="9" width="20.28515625" style="45" bestFit="1" customWidth="1"/>
    <col min="10" max="10" width="18.42578125" style="45" customWidth="1"/>
    <col min="11" max="11" width="7.85546875" style="45" customWidth="1"/>
    <col min="12" max="12" width="20" style="45"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403"/>
      <c r="B1" s="290"/>
      <c r="C1" s="290"/>
      <c r="D1" s="290"/>
      <c r="E1" s="290"/>
      <c r="F1" s="290"/>
      <c r="G1" s="290"/>
      <c r="H1" s="290"/>
      <c r="I1" s="290"/>
      <c r="J1" s="290"/>
      <c r="K1" s="290"/>
      <c r="L1" s="290"/>
    </row>
    <row r="2" spans="1:14" s="26" customFormat="1" ht="11.25" customHeight="1" x14ac:dyDescent="0.2">
      <c r="A2" s="290"/>
      <c r="B2" s="290"/>
      <c r="C2" s="290"/>
      <c r="D2" s="290"/>
      <c r="E2" s="290"/>
      <c r="F2" s="290"/>
      <c r="G2" s="290"/>
      <c r="H2" s="290"/>
      <c r="I2" s="290"/>
      <c r="J2" s="290"/>
      <c r="K2" s="290"/>
      <c r="L2" s="290"/>
    </row>
    <row r="3" spans="1:14" ht="11.25" customHeight="1" x14ac:dyDescent="0.2">
      <c r="A3" s="713" t="s">
        <v>637</v>
      </c>
      <c r="B3" s="713"/>
      <c r="C3" s="713"/>
      <c r="D3" s="713"/>
      <c r="E3" s="713"/>
      <c r="F3" s="713"/>
      <c r="G3" s="713"/>
      <c r="H3" s="713"/>
      <c r="I3" s="713"/>
      <c r="J3" s="713"/>
      <c r="K3" s="713"/>
      <c r="L3" s="713"/>
    </row>
    <row r="4" spans="1:14" ht="11.25" customHeight="1" x14ac:dyDescent="0.2">
      <c r="A4" s="713" t="s">
        <v>104</v>
      </c>
      <c r="B4" s="713"/>
      <c r="C4" s="713"/>
      <c r="D4" s="713"/>
      <c r="E4" s="713"/>
      <c r="F4" s="713"/>
      <c r="G4" s="713"/>
      <c r="H4" s="713"/>
      <c r="I4" s="713"/>
      <c r="J4" s="713"/>
      <c r="K4" s="713"/>
      <c r="L4" s="713"/>
    </row>
    <row r="5" spans="1:14" ht="11.25" customHeight="1" x14ac:dyDescent="0.2">
      <c r="A5" s="713" t="s">
        <v>105</v>
      </c>
      <c r="B5" s="713"/>
      <c r="C5" s="713"/>
      <c r="D5" s="713"/>
      <c r="E5" s="713"/>
      <c r="F5" s="713"/>
      <c r="G5" s="713"/>
      <c r="H5" s="713"/>
      <c r="I5" s="713"/>
      <c r="J5" s="713"/>
      <c r="K5" s="713"/>
      <c r="L5" s="713"/>
    </row>
    <row r="6" spans="1:14" ht="11.25" customHeight="1" x14ac:dyDescent="0.2">
      <c r="A6" s="713" t="s">
        <v>106</v>
      </c>
      <c r="B6" s="713"/>
      <c r="C6" s="713"/>
      <c r="D6" s="713"/>
      <c r="E6" s="713"/>
      <c r="F6" s="713"/>
      <c r="G6" s="713"/>
      <c r="H6" s="713"/>
      <c r="I6" s="713"/>
      <c r="J6" s="713"/>
      <c r="K6" s="713"/>
      <c r="L6" s="713"/>
    </row>
    <row r="7" spans="1:14" ht="11.25" customHeight="1" x14ac:dyDescent="0.2">
      <c r="A7" s="713" t="s">
        <v>888</v>
      </c>
      <c r="B7" s="713"/>
      <c r="C7" s="713"/>
      <c r="D7" s="713"/>
      <c r="E7" s="713"/>
      <c r="F7" s="713"/>
      <c r="G7" s="713"/>
      <c r="H7" s="713"/>
      <c r="I7" s="713"/>
      <c r="J7" s="713"/>
      <c r="K7" s="713"/>
      <c r="L7" s="713"/>
    </row>
    <row r="8" spans="1:14" s="26" customFormat="1" ht="11.25" customHeight="1" x14ac:dyDescent="0.2">
      <c r="A8" s="46"/>
      <c r="B8" s="46"/>
      <c r="C8" s="46"/>
      <c r="D8" s="327"/>
      <c r="E8" s="327"/>
      <c r="F8" s="46"/>
      <c r="G8" s="46"/>
      <c r="H8" s="46"/>
      <c r="I8" s="46"/>
      <c r="J8" s="46"/>
      <c r="K8" s="46"/>
    </row>
    <row r="9" spans="1:14" s="26" customFormat="1" ht="11.25" customHeight="1" x14ac:dyDescent="0.2">
      <c r="A9" s="26" t="s">
        <v>357</v>
      </c>
      <c r="B9" s="112"/>
      <c r="D9" s="299"/>
      <c r="E9" s="299"/>
      <c r="H9" s="131"/>
      <c r="I9" s="46"/>
      <c r="J9" s="131"/>
      <c r="L9" s="615">
        <v>1</v>
      </c>
    </row>
    <row r="10" spans="1:14" ht="15" customHeight="1" x14ac:dyDescent="0.2">
      <c r="A10" s="717" t="s">
        <v>850</v>
      </c>
      <c r="B10" s="718" t="s">
        <v>425</v>
      </c>
      <c r="C10" s="726"/>
      <c r="D10" s="718" t="s">
        <v>234</v>
      </c>
      <c r="E10" s="719"/>
      <c r="F10" s="722" t="s">
        <v>108</v>
      </c>
      <c r="G10" s="723"/>
      <c r="H10" s="723"/>
      <c r="I10" s="723"/>
      <c r="J10" s="723"/>
      <c r="K10" s="724"/>
      <c r="L10" s="716" t="s">
        <v>160</v>
      </c>
    </row>
    <row r="11" spans="1:14" ht="15" customHeight="1" x14ac:dyDescent="0.2">
      <c r="A11" s="731"/>
      <c r="B11" s="727"/>
      <c r="C11" s="728"/>
      <c r="D11" s="720"/>
      <c r="E11" s="721"/>
      <c r="F11" s="716" t="s">
        <v>112</v>
      </c>
      <c r="G11" s="717"/>
      <c r="H11" s="47" t="s">
        <v>113</v>
      </c>
      <c r="I11" s="716" t="s">
        <v>114</v>
      </c>
      <c r="J11" s="717"/>
      <c r="K11" s="48" t="s">
        <v>113</v>
      </c>
      <c r="L11" s="725"/>
    </row>
    <row r="12" spans="1:14" ht="15" customHeight="1" x14ac:dyDescent="0.2">
      <c r="A12" s="732"/>
      <c r="B12" s="729"/>
      <c r="C12" s="730"/>
      <c r="D12" s="714" t="s">
        <v>115</v>
      </c>
      <c r="E12" s="715"/>
      <c r="F12" s="714" t="s">
        <v>116</v>
      </c>
      <c r="G12" s="715"/>
      <c r="H12" s="390" t="s">
        <v>117</v>
      </c>
      <c r="I12" s="714" t="s">
        <v>151</v>
      </c>
      <c r="J12" s="715"/>
      <c r="K12" s="391" t="s">
        <v>152</v>
      </c>
      <c r="L12" s="391" t="s">
        <v>153</v>
      </c>
    </row>
    <row r="13" spans="1:14" ht="10.5" x14ac:dyDescent="0.2">
      <c r="A13" s="145" t="s">
        <v>358</v>
      </c>
      <c r="B13" s="711">
        <v>12847593800</v>
      </c>
      <c r="C13" s="712"/>
      <c r="D13" s="711">
        <v>12891871897.35</v>
      </c>
      <c r="E13" s="712"/>
      <c r="F13" s="711">
        <v>1722927310.0599999</v>
      </c>
      <c r="G13" s="712"/>
      <c r="H13" s="419">
        <v>13.364446402963075</v>
      </c>
      <c r="I13" s="711">
        <v>5195799538.3299999</v>
      </c>
      <c r="J13" s="712"/>
      <c r="K13" s="419">
        <v>40.302910079319254</v>
      </c>
      <c r="L13" s="420">
        <v>7696072359.0200005</v>
      </c>
    </row>
    <row r="14" spans="1:14" ht="10.5" x14ac:dyDescent="0.2">
      <c r="A14" s="146" t="s">
        <v>8</v>
      </c>
      <c r="B14" s="709">
        <v>11938933900</v>
      </c>
      <c r="C14" s="710"/>
      <c r="D14" s="709">
        <v>11983199657.85</v>
      </c>
      <c r="E14" s="710"/>
      <c r="F14" s="709">
        <v>1621949847.0599999</v>
      </c>
      <c r="G14" s="710"/>
      <c r="H14" s="419">
        <v>13.535198389167178</v>
      </c>
      <c r="I14" s="709">
        <v>4902548960.46</v>
      </c>
      <c r="J14" s="710"/>
      <c r="K14" s="419">
        <v>40.911852430401751</v>
      </c>
      <c r="L14" s="420">
        <v>7080650697.3900003</v>
      </c>
    </row>
    <row r="15" spans="1:14" ht="10.5" x14ac:dyDescent="0.2">
      <c r="A15" s="146" t="s">
        <v>9</v>
      </c>
      <c r="B15" s="697">
        <v>7816598300</v>
      </c>
      <c r="C15" s="698"/>
      <c r="D15" s="697">
        <v>7816598300</v>
      </c>
      <c r="E15" s="698"/>
      <c r="F15" s="697">
        <v>873005703.95000005</v>
      </c>
      <c r="G15" s="698"/>
      <c r="H15" s="421">
        <v>11.168614152143395</v>
      </c>
      <c r="I15" s="697">
        <v>2852992868.6200004</v>
      </c>
      <c r="J15" s="698"/>
      <c r="K15" s="421">
        <v>36.499161900388309</v>
      </c>
      <c r="L15" s="422">
        <v>4963605431.3800001</v>
      </c>
      <c r="M15" s="28"/>
      <c r="N15" s="56"/>
    </row>
    <row r="16" spans="1:14" ht="10.5" x14ac:dyDescent="0.2">
      <c r="A16" s="29" t="s">
        <v>10</v>
      </c>
      <c r="B16" s="697">
        <v>7543984100</v>
      </c>
      <c r="C16" s="698"/>
      <c r="D16" s="697">
        <v>7543984100</v>
      </c>
      <c r="E16" s="698"/>
      <c r="F16" s="697">
        <v>838282127.41000009</v>
      </c>
      <c r="G16" s="698"/>
      <c r="H16" s="421">
        <v>11.111928608253564</v>
      </c>
      <c r="I16" s="697">
        <v>2755562560.2200003</v>
      </c>
      <c r="J16" s="698"/>
      <c r="K16" s="421">
        <v>36.526622056639809</v>
      </c>
      <c r="L16" s="422">
        <v>4788421539.7799997</v>
      </c>
    </row>
    <row r="17" spans="1:14" ht="10.5" x14ac:dyDescent="0.2">
      <c r="A17" s="29" t="s">
        <v>11</v>
      </c>
      <c r="B17" s="697">
        <v>272614200</v>
      </c>
      <c r="C17" s="698"/>
      <c r="D17" s="697">
        <v>272614200</v>
      </c>
      <c r="E17" s="698"/>
      <c r="F17" s="697">
        <v>34723576.539999999</v>
      </c>
      <c r="G17" s="698"/>
      <c r="H17" s="421">
        <v>12.737258932219964</v>
      </c>
      <c r="I17" s="697">
        <v>97430308.400000006</v>
      </c>
      <c r="J17" s="698"/>
      <c r="K17" s="421">
        <v>35.739263912151316</v>
      </c>
      <c r="L17" s="422">
        <v>175183891.59999999</v>
      </c>
    </row>
    <row r="18" spans="1:14" ht="10.5" x14ac:dyDescent="0.2">
      <c r="A18" s="29" t="s">
        <v>12</v>
      </c>
      <c r="B18" s="697">
        <v>0</v>
      </c>
      <c r="C18" s="698"/>
      <c r="D18" s="697">
        <v>0</v>
      </c>
      <c r="E18" s="698"/>
      <c r="F18" s="697">
        <v>0</v>
      </c>
      <c r="G18" s="698"/>
      <c r="H18" s="421">
        <v>0</v>
      </c>
      <c r="I18" s="697">
        <v>0</v>
      </c>
      <c r="J18" s="698"/>
      <c r="K18" s="421">
        <v>0</v>
      </c>
      <c r="L18" s="422">
        <v>0</v>
      </c>
    </row>
    <row r="19" spans="1:14" ht="10.5" x14ac:dyDescent="0.2">
      <c r="A19" s="146" t="s">
        <v>13</v>
      </c>
      <c r="B19" s="697">
        <v>411000000</v>
      </c>
      <c r="C19" s="698"/>
      <c r="D19" s="697">
        <v>411000000</v>
      </c>
      <c r="E19" s="698"/>
      <c r="F19" s="697">
        <v>75439533.519999996</v>
      </c>
      <c r="G19" s="698"/>
      <c r="H19" s="421">
        <v>18.355117644768857</v>
      </c>
      <c r="I19" s="697">
        <v>202657005.28999999</v>
      </c>
      <c r="J19" s="698"/>
      <c r="K19" s="421">
        <v>49.308273793187347</v>
      </c>
      <c r="L19" s="422">
        <v>208342994.71000001</v>
      </c>
      <c r="M19" s="56"/>
      <c r="N19" s="56"/>
    </row>
    <row r="20" spans="1:14" ht="10.5" x14ac:dyDescent="0.2">
      <c r="A20" s="29" t="s">
        <v>14</v>
      </c>
      <c r="B20" s="697">
        <v>411000000</v>
      </c>
      <c r="C20" s="698"/>
      <c r="D20" s="697">
        <v>411000000</v>
      </c>
      <c r="E20" s="698"/>
      <c r="F20" s="697">
        <v>75439533.519999996</v>
      </c>
      <c r="G20" s="698"/>
      <c r="H20" s="421">
        <v>18.355117644768857</v>
      </c>
      <c r="I20" s="697">
        <v>202657005.28999999</v>
      </c>
      <c r="J20" s="698"/>
      <c r="K20" s="421">
        <v>49.308273793187347</v>
      </c>
      <c r="L20" s="422">
        <v>208342994.71000001</v>
      </c>
    </row>
    <row r="21" spans="1:14" ht="10.5" x14ac:dyDescent="0.2">
      <c r="A21" s="29" t="s">
        <v>355</v>
      </c>
      <c r="B21" s="697">
        <v>0</v>
      </c>
      <c r="C21" s="698"/>
      <c r="D21" s="697">
        <v>0</v>
      </c>
      <c r="E21" s="698"/>
      <c r="F21" s="697">
        <v>0</v>
      </c>
      <c r="G21" s="698"/>
      <c r="H21" s="421">
        <v>0</v>
      </c>
      <c r="I21" s="697">
        <v>0</v>
      </c>
      <c r="J21" s="698"/>
      <c r="K21" s="421">
        <v>0</v>
      </c>
      <c r="L21" s="422">
        <v>0</v>
      </c>
    </row>
    <row r="22" spans="1:14" ht="10.5" x14ac:dyDescent="0.2">
      <c r="A22" s="29" t="s">
        <v>356</v>
      </c>
      <c r="B22" s="697">
        <v>0</v>
      </c>
      <c r="C22" s="698"/>
      <c r="D22" s="697">
        <v>0</v>
      </c>
      <c r="E22" s="698"/>
      <c r="F22" s="697">
        <v>0</v>
      </c>
      <c r="G22" s="698"/>
      <c r="H22" s="421">
        <v>0</v>
      </c>
      <c r="I22" s="697">
        <v>0</v>
      </c>
      <c r="J22" s="698"/>
      <c r="K22" s="421">
        <v>0</v>
      </c>
      <c r="L22" s="422">
        <v>0</v>
      </c>
    </row>
    <row r="23" spans="1:14" ht="10.5" x14ac:dyDescent="0.2">
      <c r="A23" s="146" t="s">
        <v>15</v>
      </c>
      <c r="B23" s="697">
        <v>128398100</v>
      </c>
      <c r="C23" s="698"/>
      <c r="D23" s="697">
        <v>172663857.84999999</v>
      </c>
      <c r="E23" s="698"/>
      <c r="F23" s="697">
        <v>39819080.779999994</v>
      </c>
      <c r="G23" s="698"/>
      <c r="H23" s="421">
        <v>23.061618844745389</v>
      </c>
      <c r="I23" s="697">
        <v>133967541.16</v>
      </c>
      <c r="J23" s="698"/>
      <c r="K23" s="421">
        <v>77.588641206188598</v>
      </c>
      <c r="L23" s="422">
        <v>38696316.689999998</v>
      </c>
    </row>
    <row r="24" spans="1:14" ht="10.5" x14ac:dyDescent="0.2">
      <c r="A24" s="29" t="s">
        <v>16</v>
      </c>
      <c r="B24" s="697">
        <v>1176900</v>
      </c>
      <c r="C24" s="698"/>
      <c r="D24" s="697">
        <v>1176900</v>
      </c>
      <c r="E24" s="698"/>
      <c r="F24" s="697">
        <v>202393.86</v>
      </c>
      <c r="G24" s="698"/>
      <c r="H24" s="421">
        <v>17.19720112159062</v>
      </c>
      <c r="I24" s="697">
        <v>525063.6</v>
      </c>
      <c r="J24" s="698"/>
      <c r="K24" s="421">
        <v>44.614121845526384</v>
      </c>
      <c r="L24" s="422">
        <v>651836.4</v>
      </c>
    </row>
    <row r="25" spans="1:14" ht="10.5" x14ac:dyDescent="0.2">
      <c r="A25" s="29" t="s">
        <v>17</v>
      </c>
      <c r="B25" s="697">
        <v>84989500</v>
      </c>
      <c r="C25" s="698"/>
      <c r="D25" s="697">
        <v>115970556.53</v>
      </c>
      <c r="E25" s="698"/>
      <c r="F25" s="697">
        <v>35731043.82</v>
      </c>
      <c r="G25" s="698"/>
      <c r="H25" s="421">
        <v>30.81044438271439</v>
      </c>
      <c r="I25" s="697">
        <v>115970556.53</v>
      </c>
      <c r="J25" s="698"/>
      <c r="K25" s="421">
        <v>100</v>
      </c>
      <c r="L25" s="422">
        <v>0</v>
      </c>
    </row>
    <row r="26" spans="1:14" ht="10.5" x14ac:dyDescent="0.2">
      <c r="A26" s="29" t="s">
        <v>18</v>
      </c>
      <c r="B26" s="697">
        <v>2614300</v>
      </c>
      <c r="C26" s="698"/>
      <c r="D26" s="697">
        <v>2614300</v>
      </c>
      <c r="E26" s="698"/>
      <c r="F26" s="697">
        <v>161431.57999999999</v>
      </c>
      <c r="G26" s="698"/>
      <c r="H26" s="421">
        <v>6.1749447270779942</v>
      </c>
      <c r="I26" s="697">
        <v>492008.26</v>
      </c>
      <c r="J26" s="698"/>
      <c r="K26" s="421">
        <v>18.81988524652871</v>
      </c>
      <c r="L26" s="422">
        <v>2122291.7400000002</v>
      </c>
    </row>
    <row r="27" spans="1:14" ht="10.5" x14ac:dyDescent="0.2">
      <c r="A27" s="29" t="s">
        <v>118</v>
      </c>
      <c r="B27" s="697">
        <v>39617400</v>
      </c>
      <c r="C27" s="698"/>
      <c r="D27" s="697">
        <v>39617400</v>
      </c>
      <c r="E27" s="698"/>
      <c r="F27" s="697">
        <v>725784.9</v>
      </c>
      <c r="G27" s="698"/>
      <c r="H27" s="421">
        <v>1.8319851883263416</v>
      </c>
      <c r="I27" s="697">
        <v>3695211.45</v>
      </c>
      <c r="J27" s="698"/>
      <c r="K27" s="421">
        <v>9.3272437110966404</v>
      </c>
      <c r="L27" s="422">
        <v>35922188.549999997</v>
      </c>
    </row>
    <row r="28" spans="1:14" ht="21" x14ac:dyDescent="0.2">
      <c r="A28" s="50" t="s">
        <v>368</v>
      </c>
      <c r="B28" s="697">
        <v>0</v>
      </c>
      <c r="C28" s="698"/>
      <c r="D28" s="697">
        <v>0</v>
      </c>
      <c r="E28" s="698"/>
      <c r="F28" s="697">
        <v>0</v>
      </c>
      <c r="G28" s="698"/>
      <c r="H28" s="421">
        <v>0</v>
      </c>
      <c r="I28" s="697">
        <v>0</v>
      </c>
      <c r="J28" s="698"/>
      <c r="K28" s="421">
        <v>0</v>
      </c>
      <c r="L28" s="422">
        <v>0</v>
      </c>
    </row>
    <row r="29" spans="1:14" ht="10.5" x14ac:dyDescent="0.2">
      <c r="A29" s="50" t="s">
        <v>369</v>
      </c>
      <c r="B29" s="697">
        <v>0</v>
      </c>
      <c r="C29" s="698"/>
      <c r="D29" s="697">
        <v>13284701.32</v>
      </c>
      <c r="E29" s="698"/>
      <c r="F29" s="697">
        <v>2998426.62</v>
      </c>
      <c r="G29" s="698"/>
      <c r="H29" s="421">
        <v>0</v>
      </c>
      <c r="I29" s="697">
        <v>13284701.32</v>
      </c>
      <c r="J29" s="698"/>
      <c r="K29" s="421">
        <v>0</v>
      </c>
      <c r="L29" s="422">
        <v>0</v>
      </c>
    </row>
    <row r="30" spans="1:14" ht="10.5" x14ac:dyDescent="0.2">
      <c r="A30" s="29" t="s">
        <v>19</v>
      </c>
      <c r="B30" s="697">
        <v>0</v>
      </c>
      <c r="C30" s="698"/>
      <c r="D30" s="697">
        <v>0</v>
      </c>
      <c r="E30" s="698"/>
      <c r="F30" s="697">
        <v>0</v>
      </c>
      <c r="G30" s="698"/>
      <c r="H30" s="421">
        <v>0</v>
      </c>
      <c r="I30" s="697">
        <v>0</v>
      </c>
      <c r="J30" s="698"/>
      <c r="K30" s="421">
        <v>0</v>
      </c>
      <c r="L30" s="422">
        <v>0</v>
      </c>
    </row>
    <row r="31" spans="1:14" ht="10.5" x14ac:dyDescent="0.2">
      <c r="A31" s="146" t="s">
        <v>20</v>
      </c>
      <c r="B31" s="697">
        <v>0</v>
      </c>
      <c r="C31" s="698"/>
      <c r="D31" s="697">
        <v>0</v>
      </c>
      <c r="E31" s="698"/>
      <c r="F31" s="697">
        <v>0</v>
      </c>
      <c r="G31" s="698"/>
      <c r="H31" s="421">
        <v>0</v>
      </c>
      <c r="I31" s="697">
        <v>0</v>
      </c>
      <c r="J31" s="698"/>
      <c r="K31" s="421">
        <v>0</v>
      </c>
      <c r="L31" s="422">
        <v>0</v>
      </c>
    </row>
    <row r="32" spans="1:14" ht="10.5" x14ac:dyDescent="0.2">
      <c r="A32" s="29" t="s">
        <v>21</v>
      </c>
      <c r="B32" s="697">
        <v>0</v>
      </c>
      <c r="C32" s="698"/>
      <c r="D32" s="697">
        <v>0</v>
      </c>
      <c r="E32" s="698"/>
      <c r="F32" s="697">
        <v>0</v>
      </c>
      <c r="G32" s="698"/>
      <c r="H32" s="421">
        <v>0</v>
      </c>
      <c r="I32" s="697">
        <v>0</v>
      </c>
      <c r="J32" s="698"/>
      <c r="K32" s="421">
        <v>0</v>
      </c>
      <c r="L32" s="422">
        <v>0</v>
      </c>
    </row>
    <row r="33" spans="1:14" ht="10.5" x14ac:dyDescent="0.2">
      <c r="A33" s="29" t="s">
        <v>22</v>
      </c>
      <c r="B33" s="697">
        <v>0</v>
      </c>
      <c r="C33" s="698"/>
      <c r="D33" s="697">
        <v>0</v>
      </c>
      <c r="E33" s="698"/>
      <c r="F33" s="697">
        <v>0</v>
      </c>
      <c r="G33" s="698"/>
      <c r="H33" s="421">
        <v>0</v>
      </c>
      <c r="I33" s="697">
        <v>0</v>
      </c>
      <c r="J33" s="698"/>
      <c r="K33" s="421">
        <v>0</v>
      </c>
      <c r="L33" s="422">
        <v>0</v>
      </c>
    </row>
    <row r="34" spans="1:14" ht="10.5" x14ac:dyDescent="0.2">
      <c r="A34" s="29" t="s">
        <v>23</v>
      </c>
      <c r="B34" s="697">
        <v>0</v>
      </c>
      <c r="C34" s="698"/>
      <c r="D34" s="697">
        <v>0</v>
      </c>
      <c r="E34" s="698"/>
      <c r="F34" s="697">
        <v>0</v>
      </c>
      <c r="G34" s="698"/>
      <c r="H34" s="421">
        <v>0</v>
      </c>
      <c r="I34" s="697">
        <v>0</v>
      </c>
      <c r="J34" s="698"/>
      <c r="K34" s="421">
        <v>0</v>
      </c>
      <c r="L34" s="422">
        <v>0</v>
      </c>
    </row>
    <row r="35" spans="1:14" ht="10.5" x14ac:dyDescent="0.2">
      <c r="A35" s="146" t="s">
        <v>24</v>
      </c>
      <c r="B35" s="697">
        <v>0</v>
      </c>
      <c r="C35" s="698"/>
      <c r="D35" s="697">
        <v>0</v>
      </c>
      <c r="E35" s="698"/>
      <c r="F35" s="697">
        <v>0</v>
      </c>
      <c r="G35" s="698"/>
      <c r="H35" s="421">
        <v>0</v>
      </c>
      <c r="I35" s="697">
        <v>0</v>
      </c>
      <c r="J35" s="698"/>
      <c r="K35" s="421">
        <v>0</v>
      </c>
      <c r="L35" s="422">
        <v>0</v>
      </c>
    </row>
    <row r="36" spans="1:14" ht="10.5" x14ac:dyDescent="0.2">
      <c r="A36" s="29" t="s">
        <v>370</v>
      </c>
      <c r="B36" s="697">
        <v>0</v>
      </c>
      <c r="C36" s="698"/>
      <c r="D36" s="697">
        <v>0</v>
      </c>
      <c r="E36" s="698"/>
      <c r="F36" s="697">
        <v>0</v>
      </c>
      <c r="G36" s="698"/>
      <c r="H36" s="421">
        <v>0</v>
      </c>
      <c r="I36" s="697">
        <v>0</v>
      </c>
      <c r="J36" s="698"/>
      <c r="K36" s="421">
        <v>0</v>
      </c>
      <c r="L36" s="422">
        <v>0</v>
      </c>
    </row>
    <row r="37" spans="1:14" ht="10.5" x14ac:dyDescent="0.2">
      <c r="A37" s="29" t="s">
        <v>25</v>
      </c>
      <c r="B37" s="697">
        <v>0</v>
      </c>
      <c r="C37" s="698"/>
      <c r="D37" s="697">
        <v>0</v>
      </c>
      <c r="E37" s="698"/>
      <c r="F37" s="697">
        <v>0</v>
      </c>
      <c r="G37" s="698"/>
      <c r="H37" s="421">
        <v>0</v>
      </c>
      <c r="I37" s="697">
        <v>0</v>
      </c>
      <c r="J37" s="698"/>
      <c r="K37" s="421">
        <v>0</v>
      </c>
      <c r="L37" s="422">
        <v>0</v>
      </c>
    </row>
    <row r="38" spans="1:14" ht="10.5" x14ac:dyDescent="0.2">
      <c r="A38" s="29" t="s">
        <v>26</v>
      </c>
      <c r="B38" s="697">
        <v>0</v>
      </c>
      <c r="C38" s="698"/>
      <c r="D38" s="697">
        <v>0</v>
      </c>
      <c r="E38" s="698"/>
      <c r="F38" s="697">
        <v>0</v>
      </c>
      <c r="G38" s="698"/>
      <c r="H38" s="421">
        <v>0</v>
      </c>
      <c r="I38" s="697">
        <v>0</v>
      </c>
      <c r="J38" s="698"/>
      <c r="K38" s="421">
        <v>0</v>
      </c>
      <c r="L38" s="422">
        <v>0</v>
      </c>
    </row>
    <row r="39" spans="1:14" ht="10.5" x14ac:dyDescent="0.2">
      <c r="A39" s="51" t="s">
        <v>27</v>
      </c>
      <c r="B39" s="697">
        <v>0</v>
      </c>
      <c r="C39" s="698"/>
      <c r="D39" s="697">
        <v>0</v>
      </c>
      <c r="E39" s="698"/>
      <c r="F39" s="697">
        <v>0</v>
      </c>
      <c r="G39" s="698"/>
      <c r="H39" s="421">
        <v>0</v>
      </c>
      <c r="I39" s="697">
        <v>0</v>
      </c>
      <c r="J39" s="698"/>
      <c r="K39" s="421">
        <v>0</v>
      </c>
      <c r="L39" s="422">
        <v>0</v>
      </c>
    </row>
    <row r="40" spans="1:14" ht="10.5" x14ac:dyDescent="0.2">
      <c r="A40" s="146" t="s">
        <v>28</v>
      </c>
      <c r="B40" s="697">
        <v>530646800</v>
      </c>
      <c r="C40" s="698"/>
      <c r="D40" s="697">
        <v>530646800</v>
      </c>
      <c r="E40" s="698"/>
      <c r="F40" s="697">
        <v>95073945.719999999</v>
      </c>
      <c r="G40" s="698"/>
      <c r="H40" s="421">
        <v>17.916615292884082</v>
      </c>
      <c r="I40" s="697">
        <v>240236432.19999999</v>
      </c>
      <c r="J40" s="698"/>
      <c r="K40" s="421">
        <v>45.27237933028146</v>
      </c>
      <c r="L40" s="422">
        <v>290410367.80000001</v>
      </c>
    </row>
    <row r="41" spans="1:14" ht="10.5" x14ac:dyDescent="0.2">
      <c r="A41" s="146" t="s">
        <v>29</v>
      </c>
      <c r="B41" s="697">
        <v>2843659400</v>
      </c>
      <c r="C41" s="698"/>
      <c r="D41" s="697">
        <v>2843659400</v>
      </c>
      <c r="E41" s="698"/>
      <c r="F41" s="697">
        <v>513097559.84999996</v>
      </c>
      <c r="G41" s="698"/>
      <c r="H41" s="421">
        <v>18.043565971719396</v>
      </c>
      <c r="I41" s="697">
        <v>1401965336.7399998</v>
      </c>
      <c r="J41" s="698"/>
      <c r="K41" s="421">
        <v>49.301450684987088</v>
      </c>
      <c r="L41" s="422">
        <v>1441694063.2600002</v>
      </c>
      <c r="M41" s="56"/>
      <c r="N41" s="56"/>
    </row>
    <row r="42" spans="1:14" ht="10.5" x14ac:dyDescent="0.2">
      <c r="A42" s="29" t="s">
        <v>30</v>
      </c>
      <c r="B42" s="697">
        <v>2270031000</v>
      </c>
      <c r="C42" s="698"/>
      <c r="D42" s="697">
        <v>2270031000</v>
      </c>
      <c r="E42" s="698"/>
      <c r="F42" s="697">
        <v>393978650.61000001</v>
      </c>
      <c r="G42" s="698"/>
      <c r="H42" s="421">
        <v>17.355650676576666</v>
      </c>
      <c r="I42" s="697">
        <v>1121019819.3399999</v>
      </c>
      <c r="J42" s="698"/>
      <c r="K42" s="421">
        <v>49.38345861091765</v>
      </c>
      <c r="L42" s="422">
        <v>1149011180.6600001</v>
      </c>
    </row>
    <row r="43" spans="1:14" ht="10.5" x14ac:dyDescent="0.2">
      <c r="A43" s="29" t="s">
        <v>31</v>
      </c>
      <c r="B43" s="697">
        <v>409876700</v>
      </c>
      <c r="C43" s="698"/>
      <c r="D43" s="697">
        <v>409876700</v>
      </c>
      <c r="E43" s="698"/>
      <c r="F43" s="697">
        <v>115152852.95999999</v>
      </c>
      <c r="G43" s="698"/>
      <c r="H43" s="421">
        <v>28.094510607702265</v>
      </c>
      <c r="I43" s="697">
        <v>269773373.33999997</v>
      </c>
      <c r="J43" s="698"/>
      <c r="K43" s="421">
        <v>65.818177354311672</v>
      </c>
      <c r="L43" s="422">
        <v>140103326.66000003</v>
      </c>
    </row>
    <row r="44" spans="1:14" ht="10.5" x14ac:dyDescent="0.2">
      <c r="A44" s="29" t="s">
        <v>32</v>
      </c>
      <c r="B44" s="697">
        <v>0</v>
      </c>
      <c r="C44" s="698"/>
      <c r="D44" s="697">
        <v>0</v>
      </c>
      <c r="E44" s="698"/>
      <c r="F44" s="697">
        <v>0</v>
      </c>
      <c r="G44" s="698"/>
      <c r="H44" s="421">
        <v>0</v>
      </c>
      <c r="I44" s="697">
        <v>0</v>
      </c>
      <c r="J44" s="698"/>
      <c r="K44" s="421">
        <v>0</v>
      </c>
      <c r="L44" s="422">
        <v>0</v>
      </c>
    </row>
    <row r="45" spans="1:14" ht="10.5" x14ac:dyDescent="0.2">
      <c r="A45" s="29" t="s">
        <v>33</v>
      </c>
      <c r="B45" s="697">
        <v>100000</v>
      </c>
      <c r="C45" s="698"/>
      <c r="D45" s="697">
        <v>100000</v>
      </c>
      <c r="E45" s="698"/>
      <c r="F45" s="697">
        <v>0</v>
      </c>
      <c r="G45" s="698"/>
      <c r="H45" s="421">
        <v>0</v>
      </c>
      <c r="I45" s="697">
        <v>0</v>
      </c>
      <c r="J45" s="698"/>
      <c r="K45" s="421">
        <v>0</v>
      </c>
      <c r="L45" s="422">
        <v>100000</v>
      </c>
    </row>
    <row r="46" spans="1:14" ht="10.5" x14ac:dyDescent="0.2">
      <c r="A46" s="29" t="s">
        <v>34</v>
      </c>
      <c r="B46" s="697">
        <v>163651700</v>
      </c>
      <c r="C46" s="698"/>
      <c r="D46" s="697">
        <v>163651700</v>
      </c>
      <c r="E46" s="698"/>
      <c r="F46" s="697">
        <v>3966056.28</v>
      </c>
      <c r="G46" s="698"/>
      <c r="H46" s="421">
        <v>2.4234739266380978</v>
      </c>
      <c r="I46" s="697">
        <v>11172144.060000001</v>
      </c>
      <c r="J46" s="698"/>
      <c r="K46" s="421">
        <v>6.8267815488626145</v>
      </c>
      <c r="L46" s="422">
        <v>152479555.94</v>
      </c>
    </row>
    <row r="47" spans="1:14" ht="10.5" x14ac:dyDescent="0.2">
      <c r="A47" s="52" t="s">
        <v>35</v>
      </c>
      <c r="B47" s="697">
        <v>0</v>
      </c>
      <c r="C47" s="698"/>
      <c r="D47" s="697">
        <v>0</v>
      </c>
      <c r="E47" s="698"/>
      <c r="F47" s="697">
        <v>0</v>
      </c>
      <c r="G47" s="698"/>
      <c r="H47" s="421">
        <v>0</v>
      </c>
      <c r="I47" s="697">
        <v>0</v>
      </c>
      <c r="J47" s="698"/>
      <c r="K47" s="421">
        <v>0</v>
      </c>
      <c r="L47" s="422">
        <v>0</v>
      </c>
    </row>
    <row r="48" spans="1:14" ht="10.5" x14ac:dyDescent="0.2">
      <c r="A48" s="146" t="s">
        <v>36</v>
      </c>
      <c r="B48" s="697">
        <v>208631300</v>
      </c>
      <c r="C48" s="698"/>
      <c r="D48" s="697">
        <v>208631300</v>
      </c>
      <c r="E48" s="698"/>
      <c r="F48" s="697">
        <v>25514023.239999998</v>
      </c>
      <c r="G48" s="698"/>
      <c r="H48" s="421">
        <v>12.229240406401148</v>
      </c>
      <c r="I48" s="697">
        <v>70729776.450000003</v>
      </c>
      <c r="J48" s="698"/>
      <c r="K48" s="421">
        <v>33.901804978447622</v>
      </c>
      <c r="L48" s="422">
        <v>137901523.55000001</v>
      </c>
    </row>
    <row r="49" spans="1:14" ht="10.5" x14ac:dyDescent="0.2">
      <c r="A49" s="29" t="s">
        <v>37</v>
      </c>
      <c r="B49" s="697">
        <v>81916100</v>
      </c>
      <c r="C49" s="698"/>
      <c r="D49" s="697">
        <v>81916100</v>
      </c>
      <c r="E49" s="698"/>
      <c r="F49" s="697">
        <v>17771434.469999999</v>
      </c>
      <c r="G49" s="698"/>
      <c r="H49" s="421">
        <v>21.694678420969744</v>
      </c>
      <c r="I49" s="697">
        <v>41390400.729999997</v>
      </c>
      <c r="J49" s="698"/>
      <c r="K49" s="421">
        <v>50.527797014262156</v>
      </c>
      <c r="L49" s="422">
        <v>40525699.270000003</v>
      </c>
    </row>
    <row r="50" spans="1:14" ht="10.5" x14ac:dyDescent="0.2">
      <c r="A50" s="29" t="s">
        <v>38</v>
      </c>
      <c r="B50" s="697">
        <v>64857700</v>
      </c>
      <c r="C50" s="698"/>
      <c r="D50" s="697">
        <v>64857700</v>
      </c>
      <c r="E50" s="698"/>
      <c r="F50" s="697">
        <v>3853022.97</v>
      </c>
      <c r="G50" s="698"/>
      <c r="H50" s="421">
        <v>5.9407332822471357</v>
      </c>
      <c r="I50" s="697">
        <v>19998546.27</v>
      </c>
      <c r="J50" s="698"/>
      <c r="K50" s="421">
        <v>30.83449809351858</v>
      </c>
      <c r="L50" s="422">
        <v>44859153.730000004</v>
      </c>
    </row>
    <row r="51" spans="1:14" ht="10.5" x14ac:dyDescent="0.2">
      <c r="A51" s="29" t="s">
        <v>39</v>
      </c>
      <c r="B51" s="697">
        <v>18075800</v>
      </c>
      <c r="C51" s="698"/>
      <c r="D51" s="697">
        <v>18075800</v>
      </c>
      <c r="E51" s="698"/>
      <c r="F51" s="697">
        <v>2437577.2400000002</v>
      </c>
      <c r="G51" s="698"/>
      <c r="H51" s="421">
        <v>13.48530764890074</v>
      </c>
      <c r="I51" s="697">
        <v>5671646.3499999996</v>
      </c>
      <c r="J51" s="698"/>
      <c r="K51" s="421">
        <v>31.377014295356219</v>
      </c>
      <c r="L51" s="422">
        <v>12404153.65</v>
      </c>
    </row>
    <row r="52" spans="1:14" ht="21" x14ac:dyDescent="0.2">
      <c r="A52" s="50" t="s">
        <v>371</v>
      </c>
      <c r="B52" s="697">
        <v>0</v>
      </c>
      <c r="C52" s="698"/>
      <c r="D52" s="697">
        <v>0</v>
      </c>
      <c r="E52" s="698"/>
      <c r="F52" s="697">
        <v>0</v>
      </c>
      <c r="G52" s="698"/>
      <c r="H52" s="421">
        <v>0</v>
      </c>
      <c r="I52" s="697">
        <v>0</v>
      </c>
      <c r="J52" s="698"/>
      <c r="K52" s="421">
        <v>0</v>
      </c>
      <c r="L52" s="422">
        <v>0</v>
      </c>
    </row>
    <row r="53" spans="1:14" ht="10.5" x14ac:dyDescent="0.2">
      <c r="A53" s="52" t="s">
        <v>54</v>
      </c>
      <c r="B53" s="697">
        <v>43781700</v>
      </c>
      <c r="C53" s="698"/>
      <c r="D53" s="697">
        <v>43781700</v>
      </c>
      <c r="E53" s="698"/>
      <c r="F53" s="697">
        <v>1451988.56</v>
      </c>
      <c r="G53" s="698"/>
      <c r="H53" s="421">
        <v>3.3164280053081536</v>
      </c>
      <c r="I53" s="697">
        <v>3669183.1</v>
      </c>
      <c r="J53" s="698"/>
      <c r="K53" s="421">
        <v>8.3806318621707252</v>
      </c>
      <c r="L53" s="422">
        <v>40112516.899999999</v>
      </c>
    </row>
    <row r="54" spans="1:14" ht="10.5" x14ac:dyDescent="0.2">
      <c r="A54" s="146" t="s">
        <v>40</v>
      </c>
      <c r="B54" s="709">
        <v>908659900</v>
      </c>
      <c r="C54" s="710"/>
      <c r="D54" s="709">
        <v>908672239.5</v>
      </c>
      <c r="E54" s="710"/>
      <c r="F54" s="709">
        <v>100977463</v>
      </c>
      <c r="G54" s="710"/>
      <c r="H54" s="419">
        <v>11.112638706291191</v>
      </c>
      <c r="I54" s="709">
        <v>293250577.87</v>
      </c>
      <c r="J54" s="710"/>
      <c r="K54" s="419">
        <v>32.272426197521135</v>
      </c>
      <c r="L54" s="470">
        <v>615421661.63</v>
      </c>
    </row>
    <row r="55" spans="1:14" ht="10.5" x14ac:dyDescent="0.2">
      <c r="A55" s="146" t="s">
        <v>41</v>
      </c>
      <c r="B55" s="697">
        <v>16304000</v>
      </c>
      <c r="C55" s="698"/>
      <c r="D55" s="697">
        <v>16304000</v>
      </c>
      <c r="E55" s="698"/>
      <c r="F55" s="697">
        <v>1675351.17</v>
      </c>
      <c r="G55" s="698"/>
      <c r="H55" s="421">
        <v>10.275706391069676</v>
      </c>
      <c r="I55" s="697">
        <v>1675351.17</v>
      </c>
      <c r="J55" s="698"/>
      <c r="K55" s="421">
        <v>10.275706391069676</v>
      </c>
      <c r="L55" s="422">
        <v>14628648.83</v>
      </c>
    </row>
    <row r="56" spans="1:14" ht="10.5" x14ac:dyDescent="0.2">
      <c r="A56" s="29" t="s">
        <v>42</v>
      </c>
      <c r="B56" s="697">
        <v>13104000</v>
      </c>
      <c r="C56" s="698"/>
      <c r="D56" s="697">
        <v>13104000</v>
      </c>
      <c r="E56" s="698"/>
      <c r="F56" s="697">
        <v>0</v>
      </c>
      <c r="G56" s="698"/>
      <c r="H56" s="421">
        <v>0</v>
      </c>
      <c r="I56" s="697">
        <v>0</v>
      </c>
      <c r="J56" s="698"/>
      <c r="K56" s="421">
        <v>0</v>
      </c>
      <c r="L56" s="422">
        <v>13104000</v>
      </c>
    </row>
    <row r="57" spans="1:14" ht="10.5" x14ac:dyDescent="0.2">
      <c r="A57" s="29" t="s">
        <v>43</v>
      </c>
      <c r="B57" s="697">
        <v>3200000</v>
      </c>
      <c r="C57" s="698"/>
      <c r="D57" s="697">
        <v>3200000</v>
      </c>
      <c r="E57" s="698"/>
      <c r="F57" s="697">
        <v>1675351.17</v>
      </c>
      <c r="G57" s="698"/>
      <c r="H57" s="421">
        <v>52.354724062500004</v>
      </c>
      <c r="I57" s="697">
        <v>1675351.17</v>
      </c>
      <c r="J57" s="698"/>
      <c r="K57" s="421">
        <v>52.354724062500004</v>
      </c>
      <c r="L57" s="422">
        <v>1524648.83</v>
      </c>
    </row>
    <row r="58" spans="1:14" ht="10.5" x14ac:dyDescent="0.2">
      <c r="A58" s="146" t="s">
        <v>44</v>
      </c>
      <c r="B58" s="697">
        <v>8513000</v>
      </c>
      <c r="C58" s="698"/>
      <c r="D58" s="697">
        <v>8513000</v>
      </c>
      <c r="E58" s="698"/>
      <c r="F58" s="697">
        <v>59655.9</v>
      </c>
      <c r="G58" s="698"/>
      <c r="H58" s="421">
        <v>0.70076236344414422</v>
      </c>
      <c r="I58" s="697">
        <v>326328.34000000003</v>
      </c>
      <c r="J58" s="698"/>
      <c r="K58" s="421">
        <v>3.8332942558440037</v>
      </c>
      <c r="L58" s="422">
        <v>8186671.6600000001</v>
      </c>
      <c r="M58" s="56"/>
      <c r="N58" s="56"/>
    </row>
    <row r="59" spans="1:14" ht="10.5" x14ac:dyDescent="0.2">
      <c r="A59" s="29" t="s">
        <v>45</v>
      </c>
      <c r="B59" s="697">
        <v>2206000</v>
      </c>
      <c r="C59" s="698"/>
      <c r="D59" s="697">
        <v>2206000</v>
      </c>
      <c r="E59" s="698"/>
      <c r="F59" s="697">
        <v>287</v>
      </c>
      <c r="G59" s="698"/>
      <c r="H59" s="421">
        <v>1.3009972801450588E-2</v>
      </c>
      <c r="I59" s="697">
        <v>60185.58</v>
      </c>
      <c r="J59" s="698"/>
      <c r="K59" s="421">
        <v>2.7282674524025383</v>
      </c>
      <c r="L59" s="422">
        <v>2145814.42</v>
      </c>
    </row>
    <row r="60" spans="1:14" ht="10.5" x14ac:dyDescent="0.2">
      <c r="A60" s="29" t="s">
        <v>46</v>
      </c>
      <c r="B60" s="697">
        <v>6307000</v>
      </c>
      <c r="C60" s="698"/>
      <c r="D60" s="697">
        <v>6307000</v>
      </c>
      <c r="E60" s="698"/>
      <c r="F60" s="697">
        <v>59368.9</v>
      </c>
      <c r="G60" s="698"/>
      <c r="H60" s="421">
        <v>0.94131758363722851</v>
      </c>
      <c r="I60" s="697">
        <v>266142.76</v>
      </c>
      <c r="J60" s="698"/>
      <c r="K60" s="421">
        <v>4.2197995877596322</v>
      </c>
      <c r="L60" s="422">
        <v>6040857.2400000002</v>
      </c>
    </row>
    <row r="61" spans="1:14" ht="10.5" x14ac:dyDescent="0.2">
      <c r="A61" s="146" t="s">
        <v>47</v>
      </c>
      <c r="B61" s="697">
        <v>2430000</v>
      </c>
      <c r="C61" s="698"/>
      <c r="D61" s="697">
        <v>2430000</v>
      </c>
      <c r="E61" s="698"/>
      <c r="F61" s="697">
        <v>771475.14</v>
      </c>
      <c r="G61" s="698"/>
      <c r="H61" s="421">
        <v>31.747948148148147</v>
      </c>
      <c r="I61" s="697">
        <v>2158625.7599999998</v>
      </c>
      <c r="J61" s="698"/>
      <c r="K61" s="421">
        <v>88.832335802469132</v>
      </c>
      <c r="L61" s="422">
        <v>271374.24000000022</v>
      </c>
    </row>
    <row r="62" spans="1:14" ht="10.5" x14ac:dyDescent="0.2">
      <c r="A62" s="146" t="s">
        <v>48</v>
      </c>
      <c r="B62" s="697">
        <v>881412900</v>
      </c>
      <c r="C62" s="698"/>
      <c r="D62" s="697">
        <v>881412900</v>
      </c>
      <c r="E62" s="698"/>
      <c r="F62" s="697">
        <v>98469572.49000001</v>
      </c>
      <c r="G62" s="698"/>
      <c r="H62" s="421">
        <v>11.171787080720058</v>
      </c>
      <c r="I62" s="697">
        <v>289077933.10000002</v>
      </c>
      <c r="J62" s="698"/>
      <c r="K62" s="421">
        <v>32.797107133331046</v>
      </c>
      <c r="L62" s="422">
        <v>592334966.89999998</v>
      </c>
      <c r="M62" s="56"/>
      <c r="N62" s="56"/>
    </row>
    <row r="63" spans="1:14" ht="10.5" x14ac:dyDescent="0.2">
      <c r="A63" s="29" t="s">
        <v>30</v>
      </c>
      <c r="B63" s="697">
        <v>84654100</v>
      </c>
      <c r="C63" s="698"/>
      <c r="D63" s="697">
        <v>84654100</v>
      </c>
      <c r="E63" s="698"/>
      <c r="F63" s="697">
        <v>519410</v>
      </c>
      <c r="G63" s="698"/>
      <c r="H63" s="421">
        <v>0.61356744682183151</v>
      </c>
      <c r="I63" s="697">
        <v>1366339.84</v>
      </c>
      <c r="J63" s="698"/>
      <c r="K63" s="421">
        <v>1.6140267748402028</v>
      </c>
      <c r="L63" s="422">
        <v>83287760.159999996</v>
      </c>
    </row>
    <row r="64" spans="1:14" ht="10.5" x14ac:dyDescent="0.2">
      <c r="A64" s="29" t="s">
        <v>31</v>
      </c>
      <c r="B64" s="697">
        <v>483607000</v>
      </c>
      <c r="C64" s="698"/>
      <c r="D64" s="697">
        <v>483607000</v>
      </c>
      <c r="E64" s="698"/>
      <c r="F64" s="697">
        <v>85799752.680000007</v>
      </c>
      <c r="G64" s="698"/>
      <c r="H64" s="421">
        <v>17.741627536408696</v>
      </c>
      <c r="I64" s="697">
        <v>253832625.91999999</v>
      </c>
      <c r="J64" s="698"/>
      <c r="K64" s="421">
        <v>52.487376303486087</v>
      </c>
      <c r="L64" s="422">
        <v>229774374.08000001</v>
      </c>
    </row>
    <row r="65" spans="1:14" ht="10.5" x14ac:dyDescent="0.2">
      <c r="A65" s="29" t="s">
        <v>32</v>
      </c>
      <c r="B65" s="697">
        <v>0</v>
      </c>
      <c r="C65" s="698"/>
      <c r="D65" s="697">
        <v>0</v>
      </c>
      <c r="E65" s="698"/>
      <c r="F65" s="697">
        <v>0</v>
      </c>
      <c r="G65" s="698"/>
      <c r="H65" s="421">
        <v>0</v>
      </c>
      <c r="I65" s="697">
        <v>0</v>
      </c>
      <c r="J65" s="698"/>
      <c r="K65" s="421">
        <v>0</v>
      </c>
      <c r="L65" s="422">
        <v>0</v>
      </c>
    </row>
    <row r="66" spans="1:14" ht="10.5" x14ac:dyDescent="0.2">
      <c r="A66" s="29" t="s">
        <v>33</v>
      </c>
      <c r="B66" s="697">
        <v>0</v>
      </c>
      <c r="C66" s="698"/>
      <c r="D66" s="697">
        <v>0</v>
      </c>
      <c r="E66" s="698"/>
      <c r="F66" s="697">
        <v>0</v>
      </c>
      <c r="G66" s="698"/>
      <c r="H66" s="421">
        <v>0</v>
      </c>
      <c r="I66" s="697">
        <v>0</v>
      </c>
      <c r="J66" s="698"/>
      <c r="K66" s="421">
        <v>0</v>
      </c>
      <c r="L66" s="422">
        <v>0</v>
      </c>
    </row>
    <row r="67" spans="1:14" ht="10.5" x14ac:dyDescent="0.2">
      <c r="A67" s="53" t="s">
        <v>49</v>
      </c>
      <c r="B67" s="697">
        <v>0</v>
      </c>
      <c r="C67" s="698"/>
      <c r="D67" s="697">
        <v>0</v>
      </c>
      <c r="E67" s="698"/>
      <c r="F67" s="697">
        <v>0</v>
      </c>
      <c r="G67" s="698"/>
      <c r="H67" s="421">
        <v>0</v>
      </c>
      <c r="I67" s="697">
        <v>0</v>
      </c>
      <c r="J67" s="698"/>
      <c r="K67" s="421">
        <v>0</v>
      </c>
      <c r="L67" s="422">
        <v>0</v>
      </c>
    </row>
    <row r="68" spans="1:14" ht="10.5" x14ac:dyDescent="0.2">
      <c r="A68" s="53" t="s">
        <v>34</v>
      </c>
      <c r="B68" s="697">
        <v>313151800</v>
      </c>
      <c r="C68" s="698"/>
      <c r="D68" s="697">
        <v>313151800</v>
      </c>
      <c r="E68" s="698"/>
      <c r="F68" s="697">
        <v>12150409.810000001</v>
      </c>
      <c r="G68" s="698"/>
      <c r="H68" s="421">
        <v>3.8800383104935054</v>
      </c>
      <c r="I68" s="697">
        <v>33878967.340000004</v>
      </c>
      <c r="J68" s="698"/>
      <c r="K68" s="421">
        <v>10.818704328060704</v>
      </c>
      <c r="L68" s="422">
        <v>279272832.65999997</v>
      </c>
    </row>
    <row r="69" spans="1:14" ht="10.5" x14ac:dyDescent="0.2">
      <c r="A69" s="53" t="s">
        <v>35</v>
      </c>
      <c r="B69" s="697">
        <v>0</v>
      </c>
      <c r="C69" s="698"/>
      <c r="D69" s="697">
        <v>0</v>
      </c>
      <c r="E69" s="698"/>
      <c r="F69" s="697">
        <v>0</v>
      </c>
      <c r="G69" s="698"/>
      <c r="H69" s="421">
        <v>0</v>
      </c>
      <c r="I69" s="697">
        <v>0</v>
      </c>
      <c r="J69" s="698"/>
      <c r="K69" s="421">
        <v>0</v>
      </c>
      <c r="L69" s="422">
        <v>0</v>
      </c>
    </row>
    <row r="70" spans="1:14" ht="10.5" x14ac:dyDescent="0.2">
      <c r="A70" s="146" t="s">
        <v>50</v>
      </c>
      <c r="B70" s="697">
        <v>0</v>
      </c>
      <c r="C70" s="698"/>
      <c r="D70" s="697">
        <v>12339.5</v>
      </c>
      <c r="E70" s="698"/>
      <c r="F70" s="697">
        <v>1408.3</v>
      </c>
      <c r="G70" s="698"/>
      <c r="H70" s="421">
        <v>0</v>
      </c>
      <c r="I70" s="697">
        <v>12339.5</v>
      </c>
      <c r="J70" s="698"/>
      <c r="K70" s="421">
        <v>0</v>
      </c>
      <c r="L70" s="422">
        <v>0</v>
      </c>
    </row>
    <row r="71" spans="1:14" ht="10.5" x14ac:dyDescent="0.2">
      <c r="A71" s="29" t="s">
        <v>895</v>
      </c>
      <c r="B71" s="697">
        <v>0</v>
      </c>
      <c r="C71" s="698"/>
      <c r="D71" s="697">
        <v>12339.5</v>
      </c>
      <c r="E71" s="698"/>
      <c r="F71" s="697">
        <v>1408.3</v>
      </c>
      <c r="G71" s="698"/>
      <c r="H71" s="421">
        <v>0</v>
      </c>
      <c r="I71" s="697">
        <v>12339.5</v>
      </c>
      <c r="J71" s="698"/>
      <c r="K71" s="421">
        <v>0</v>
      </c>
      <c r="L71" s="422">
        <v>0</v>
      </c>
    </row>
    <row r="72" spans="1:14" ht="10.5" x14ac:dyDescent="0.2">
      <c r="A72" s="54" t="s">
        <v>52</v>
      </c>
      <c r="B72" s="697">
        <v>0</v>
      </c>
      <c r="C72" s="698"/>
      <c r="D72" s="697">
        <v>0</v>
      </c>
      <c r="E72" s="698"/>
      <c r="F72" s="697">
        <v>0</v>
      </c>
      <c r="G72" s="698"/>
      <c r="H72" s="421">
        <v>0</v>
      </c>
      <c r="I72" s="697">
        <v>0</v>
      </c>
      <c r="J72" s="698"/>
      <c r="K72" s="421">
        <v>0</v>
      </c>
      <c r="L72" s="422">
        <v>0</v>
      </c>
    </row>
    <row r="73" spans="1:14" ht="10.5" x14ac:dyDescent="0.2">
      <c r="A73" s="53" t="s">
        <v>53</v>
      </c>
      <c r="B73" s="697">
        <v>0</v>
      </c>
      <c r="C73" s="698"/>
      <c r="D73" s="697">
        <v>0</v>
      </c>
      <c r="E73" s="698"/>
      <c r="F73" s="697">
        <v>0</v>
      </c>
      <c r="G73" s="698"/>
      <c r="H73" s="421">
        <v>0</v>
      </c>
      <c r="I73" s="697">
        <v>0</v>
      </c>
      <c r="J73" s="698"/>
      <c r="K73" s="421">
        <v>0</v>
      </c>
      <c r="L73" s="422">
        <v>0</v>
      </c>
    </row>
    <row r="74" spans="1:14" ht="10.5" x14ac:dyDescent="0.2">
      <c r="A74" s="147" t="s">
        <v>82</v>
      </c>
      <c r="B74" s="701">
        <v>1078931200</v>
      </c>
      <c r="C74" s="702"/>
      <c r="D74" s="701">
        <v>1182584595.8099999</v>
      </c>
      <c r="E74" s="702"/>
      <c r="F74" s="701">
        <v>152167173.21000001</v>
      </c>
      <c r="G74" s="702"/>
      <c r="H74" s="419">
        <v>12.867339364062541</v>
      </c>
      <c r="I74" s="701">
        <v>491389753.00999999</v>
      </c>
      <c r="J74" s="702"/>
      <c r="K74" s="419">
        <v>41.552186181947285</v>
      </c>
      <c r="L74" s="420">
        <v>691194842.79999995</v>
      </c>
    </row>
    <row r="75" spans="1:14" ht="10.5" x14ac:dyDescent="0.2">
      <c r="A75" s="148" t="s">
        <v>83</v>
      </c>
      <c r="B75" s="699">
        <v>13926525000</v>
      </c>
      <c r="C75" s="700"/>
      <c r="D75" s="699">
        <v>14074456493.16</v>
      </c>
      <c r="E75" s="700"/>
      <c r="F75" s="699">
        <v>1875094483.27</v>
      </c>
      <c r="G75" s="700"/>
      <c r="H75" s="426">
        <v>13.322677747316716</v>
      </c>
      <c r="I75" s="699">
        <v>5687189291.3400002</v>
      </c>
      <c r="J75" s="700"/>
      <c r="K75" s="427">
        <v>40.407878585605765</v>
      </c>
      <c r="L75" s="428">
        <v>8387267201.8200006</v>
      </c>
      <c r="M75" s="297"/>
    </row>
    <row r="76" spans="1:14" ht="10.5" x14ac:dyDescent="0.2">
      <c r="A76" s="298" t="s">
        <v>359</v>
      </c>
      <c r="B76" s="703"/>
      <c r="C76" s="704"/>
      <c r="D76" s="703"/>
      <c r="E76" s="704"/>
      <c r="F76" s="703"/>
      <c r="G76" s="704"/>
      <c r="H76" s="429">
        <v>0</v>
      </c>
      <c r="I76" s="703"/>
      <c r="J76" s="704"/>
      <c r="K76" s="465">
        <v>0</v>
      </c>
      <c r="L76" s="465"/>
      <c r="N76" s="627"/>
    </row>
    <row r="77" spans="1:14" ht="10.5" hidden="1" x14ac:dyDescent="0.2">
      <c r="A77" s="146" t="s">
        <v>308</v>
      </c>
      <c r="B77" s="705"/>
      <c r="C77" s="706"/>
      <c r="D77" s="705"/>
      <c r="E77" s="706"/>
      <c r="F77" s="705"/>
      <c r="G77" s="706"/>
      <c r="H77" s="422">
        <v>0</v>
      </c>
      <c r="I77" s="705"/>
      <c r="J77" s="706"/>
      <c r="K77" s="468">
        <v>0</v>
      </c>
      <c r="L77" s="468"/>
      <c r="N77" s="627"/>
    </row>
    <row r="78" spans="1:14" ht="10.5" hidden="1" x14ac:dyDescent="0.2">
      <c r="A78" s="29" t="s">
        <v>55</v>
      </c>
      <c r="B78" s="697"/>
      <c r="C78" s="698"/>
      <c r="D78" s="697"/>
      <c r="E78" s="698"/>
      <c r="F78" s="697"/>
      <c r="G78" s="698"/>
      <c r="H78" s="422">
        <v>0</v>
      </c>
      <c r="I78" s="697"/>
      <c r="J78" s="698"/>
      <c r="K78" s="468">
        <v>0</v>
      </c>
      <c r="L78" s="468"/>
      <c r="N78" s="452"/>
    </row>
    <row r="79" spans="1:14" ht="10.5" hidden="1" x14ac:dyDescent="0.2">
      <c r="A79" s="55" t="s">
        <v>56</v>
      </c>
      <c r="B79" s="697"/>
      <c r="C79" s="698"/>
      <c r="D79" s="697"/>
      <c r="E79" s="698"/>
      <c r="F79" s="697"/>
      <c r="G79" s="698"/>
      <c r="H79" s="422">
        <v>0</v>
      </c>
      <c r="I79" s="697"/>
      <c r="J79" s="698"/>
      <c r="K79" s="468">
        <v>0</v>
      </c>
      <c r="L79" s="468"/>
    </row>
    <row r="80" spans="1:14" ht="10.5" hidden="1" x14ac:dyDescent="0.2">
      <c r="A80" s="146" t="s">
        <v>309</v>
      </c>
      <c r="B80" s="697"/>
      <c r="C80" s="698"/>
      <c r="D80" s="697"/>
      <c r="E80" s="698"/>
      <c r="F80" s="697"/>
      <c r="G80" s="698"/>
      <c r="H80" s="422">
        <v>0</v>
      </c>
      <c r="I80" s="697"/>
      <c r="J80" s="698"/>
      <c r="K80" s="468">
        <v>0</v>
      </c>
      <c r="L80" s="468"/>
    </row>
    <row r="81" spans="1:13" ht="10.5" hidden="1" x14ac:dyDescent="0.2">
      <c r="A81" s="29" t="s">
        <v>55</v>
      </c>
      <c r="B81" s="697"/>
      <c r="C81" s="698"/>
      <c r="D81" s="697"/>
      <c r="E81" s="698"/>
      <c r="F81" s="697"/>
      <c r="G81" s="698"/>
      <c r="H81" s="422">
        <v>0</v>
      </c>
      <c r="I81" s="697"/>
      <c r="J81" s="698"/>
      <c r="K81" s="468">
        <v>0</v>
      </c>
      <c r="L81" s="468"/>
    </row>
    <row r="82" spans="1:13" ht="10.5" hidden="1" x14ac:dyDescent="0.2">
      <c r="A82" s="55" t="s">
        <v>56</v>
      </c>
      <c r="B82" s="425"/>
      <c r="C82" s="431"/>
      <c r="D82" s="707"/>
      <c r="E82" s="708"/>
      <c r="F82" s="707"/>
      <c r="G82" s="708"/>
      <c r="H82" s="422">
        <v>0</v>
      </c>
      <c r="I82" s="707"/>
      <c r="J82" s="708"/>
      <c r="K82" s="471">
        <v>0</v>
      </c>
      <c r="L82" s="471"/>
    </row>
    <row r="83" spans="1:13" ht="10.5" x14ac:dyDescent="0.2">
      <c r="A83" s="148" t="s">
        <v>57</v>
      </c>
      <c r="B83" s="699">
        <v>13926525000</v>
      </c>
      <c r="C83" s="700"/>
      <c r="D83" s="699">
        <v>14074456493.16</v>
      </c>
      <c r="E83" s="700"/>
      <c r="F83" s="699">
        <v>1875094483.27</v>
      </c>
      <c r="G83" s="700"/>
      <c r="H83" s="428">
        <v>13.322677747316716</v>
      </c>
      <c r="I83" s="699">
        <v>5687189291.3400002</v>
      </c>
      <c r="J83" s="700"/>
      <c r="K83" s="432">
        <v>40.407878585605765</v>
      </c>
      <c r="L83" s="428">
        <v>8387267201.8200006</v>
      </c>
      <c r="M83" s="28"/>
    </row>
    <row r="84" spans="1:13" ht="10.5" x14ac:dyDescent="0.2">
      <c r="A84" s="149" t="s">
        <v>123</v>
      </c>
      <c r="B84" s="699">
        <v>0</v>
      </c>
      <c r="C84" s="700"/>
      <c r="D84" s="699">
        <v>0</v>
      </c>
      <c r="E84" s="700"/>
      <c r="F84" s="699">
        <v>0</v>
      </c>
      <c r="G84" s="700"/>
      <c r="H84" s="428">
        <v>0</v>
      </c>
      <c r="I84" s="699">
        <v>179670963.86999989</v>
      </c>
      <c r="J84" s="700"/>
      <c r="K84" s="433">
        <v>0</v>
      </c>
      <c r="L84" s="469">
        <v>0</v>
      </c>
    </row>
    <row r="85" spans="1:13" ht="15" customHeight="1" x14ac:dyDescent="0.2">
      <c r="A85" s="27" t="s">
        <v>84</v>
      </c>
      <c r="B85" s="742">
        <v>13926525000</v>
      </c>
      <c r="C85" s="750"/>
      <c r="D85" s="742">
        <v>14074456493.16</v>
      </c>
      <c r="E85" s="750"/>
      <c r="F85" s="742">
        <v>1875094483.27</v>
      </c>
      <c r="G85" s="750"/>
      <c r="H85" s="464">
        <v>13.322677747316716</v>
      </c>
      <c r="I85" s="742">
        <v>5866860255.21</v>
      </c>
      <c r="J85" s="750"/>
      <c r="K85" s="464">
        <v>41.684453378794537</v>
      </c>
      <c r="L85" s="434">
        <v>8387267201.8200006</v>
      </c>
    </row>
    <row r="86" spans="1:13" ht="21" x14ac:dyDescent="0.2">
      <c r="A86" s="343" t="s">
        <v>58</v>
      </c>
      <c r="B86" s="703">
        <v>0</v>
      </c>
      <c r="C86" s="704"/>
      <c r="D86" s="703"/>
      <c r="E86" s="704"/>
      <c r="F86" s="703">
        <v>0</v>
      </c>
      <c r="G86" s="704"/>
      <c r="H86" s="435">
        <v>0</v>
      </c>
      <c r="I86" s="703">
        <v>0</v>
      </c>
      <c r="J86" s="704"/>
      <c r="K86" s="435">
        <v>0</v>
      </c>
      <c r="L86" s="465" t="s">
        <v>155</v>
      </c>
    </row>
    <row r="87" spans="1:13" ht="10.5" x14ac:dyDescent="0.2">
      <c r="A87" s="344" t="s">
        <v>353</v>
      </c>
      <c r="B87" s="703">
        <v>0</v>
      </c>
      <c r="C87" s="704"/>
      <c r="D87" s="703">
        <v>0</v>
      </c>
      <c r="E87" s="704"/>
      <c r="F87" s="703">
        <v>0</v>
      </c>
      <c r="G87" s="704"/>
      <c r="H87" s="435">
        <v>0</v>
      </c>
      <c r="I87" s="703">
        <v>0</v>
      </c>
      <c r="J87" s="704"/>
      <c r="K87" s="435">
        <v>0</v>
      </c>
      <c r="L87" s="465" t="s">
        <v>155</v>
      </c>
    </row>
    <row r="88" spans="1:13" ht="10.5" x14ac:dyDescent="0.2">
      <c r="A88" s="345" t="s">
        <v>352</v>
      </c>
      <c r="B88" s="703">
        <v>0</v>
      </c>
      <c r="C88" s="704"/>
      <c r="D88" s="703">
        <v>0</v>
      </c>
      <c r="E88" s="704"/>
      <c r="F88" s="703">
        <v>0</v>
      </c>
      <c r="G88" s="704"/>
      <c r="H88" s="435">
        <v>0</v>
      </c>
      <c r="I88" s="703">
        <v>0</v>
      </c>
      <c r="J88" s="704"/>
      <c r="K88" s="435">
        <v>0</v>
      </c>
      <c r="L88" s="465" t="s">
        <v>155</v>
      </c>
    </row>
    <row r="89" spans="1:13" ht="5.0999999999999996" customHeight="1" x14ac:dyDescent="0.2">
      <c r="F89" s="56"/>
      <c r="G89" s="56"/>
      <c r="H89" s="56"/>
      <c r="I89" s="56"/>
      <c r="J89" s="56"/>
      <c r="K89" s="56"/>
      <c r="L89" s="56"/>
    </row>
    <row r="90" spans="1:13" ht="4.5" customHeight="1" x14ac:dyDescent="0.2">
      <c r="E90" s="452"/>
      <c r="F90" s="56"/>
      <c r="G90" s="404"/>
      <c r="H90" s="404"/>
      <c r="I90" s="404"/>
      <c r="J90" s="56"/>
      <c r="K90" s="56"/>
      <c r="L90" s="56"/>
    </row>
    <row r="91" spans="1:13" ht="14.25" customHeight="1" x14ac:dyDescent="0.2">
      <c r="A91" s="737" t="s">
        <v>851</v>
      </c>
      <c r="B91" s="57" t="s">
        <v>156</v>
      </c>
      <c r="C91" s="57" t="s">
        <v>156</v>
      </c>
      <c r="D91" s="751" t="s">
        <v>157</v>
      </c>
      <c r="E91" s="759"/>
      <c r="F91" s="748" t="s">
        <v>160</v>
      </c>
      <c r="G91" s="751" t="s">
        <v>158</v>
      </c>
      <c r="H91" s="752"/>
      <c r="I91" s="748" t="s">
        <v>160</v>
      </c>
      <c r="J91" s="735" t="s">
        <v>534</v>
      </c>
      <c r="K91" s="753" t="s">
        <v>635</v>
      </c>
      <c r="L91" s="754"/>
    </row>
    <row r="92" spans="1:13" ht="27" customHeight="1" x14ac:dyDescent="0.15">
      <c r="A92" s="738"/>
      <c r="B92" s="58" t="s">
        <v>110</v>
      </c>
      <c r="C92" s="58" t="s">
        <v>111</v>
      </c>
      <c r="D92" s="446" t="s">
        <v>429</v>
      </c>
      <c r="E92" s="446" t="s">
        <v>430</v>
      </c>
      <c r="F92" s="749"/>
      <c r="G92" s="446" t="s">
        <v>429</v>
      </c>
      <c r="H92" s="447" t="s">
        <v>430</v>
      </c>
      <c r="I92" s="749"/>
      <c r="J92" s="736"/>
      <c r="K92" s="755"/>
      <c r="L92" s="756"/>
    </row>
    <row r="93" spans="1:13" ht="10.5" x14ac:dyDescent="0.2">
      <c r="A93" s="738"/>
      <c r="B93" s="58"/>
      <c r="C93" s="58"/>
      <c r="D93" s="60" t="s">
        <v>120</v>
      </c>
      <c r="E93" s="60" t="s">
        <v>120</v>
      </c>
      <c r="F93" s="749"/>
      <c r="G93" s="60" t="s">
        <v>120</v>
      </c>
      <c r="H93" s="60" t="s">
        <v>120</v>
      </c>
      <c r="I93" s="749"/>
      <c r="J93" s="736"/>
      <c r="K93" s="755"/>
      <c r="L93" s="756"/>
    </row>
    <row r="94" spans="1:13" s="395" customFormat="1" ht="12" customHeight="1" x14ac:dyDescent="0.2">
      <c r="A94" s="739"/>
      <c r="B94" s="392" t="s">
        <v>161</v>
      </c>
      <c r="C94" s="392" t="s">
        <v>162</v>
      </c>
      <c r="D94" s="394"/>
      <c r="E94" s="392" t="s">
        <v>232</v>
      </c>
      <c r="F94" s="393" t="s">
        <v>538</v>
      </c>
      <c r="G94" s="394"/>
      <c r="H94" s="392" t="s">
        <v>164</v>
      </c>
      <c r="I94" s="392" t="s">
        <v>539</v>
      </c>
      <c r="J94" s="392" t="s">
        <v>348</v>
      </c>
      <c r="K94" s="757"/>
      <c r="L94" s="758"/>
    </row>
    <row r="95" spans="1:13" s="44" customFormat="1" ht="10.5" x14ac:dyDescent="0.2">
      <c r="A95" s="151" t="s">
        <v>360</v>
      </c>
      <c r="B95" s="487">
        <v>12932585500</v>
      </c>
      <c r="C95" s="419">
        <v>13325520224.82</v>
      </c>
      <c r="D95" s="419">
        <v>1603782167.1400001</v>
      </c>
      <c r="E95" s="419">
        <v>9724493575.6299992</v>
      </c>
      <c r="F95" s="419">
        <v>3601026649.1900005</v>
      </c>
      <c r="G95" s="419">
        <v>1783287830.4000001</v>
      </c>
      <c r="H95" s="419">
        <v>5301087907.04</v>
      </c>
      <c r="I95" s="419">
        <v>8024432317.7799997</v>
      </c>
      <c r="J95" s="419">
        <v>4910202359.9500008</v>
      </c>
      <c r="K95" s="711">
        <v>0</v>
      </c>
      <c r="L95" s="744"/>
    </row>
    <row r="96" spans="1:13" s="44" customFormat="1" ht="10.5" x14ac:dyDescent="0.2">
      <c r="A96" s="62" t="s">
        <v>85</v>
      </c>
      <c r="B96" s="487">
        <v>10645303900</v>
      </c>
      <c r="C96" s="419">
        <v>10791631348.16</v>
      </c>
      <c r="D96" s="419">
        <v>1418976680.48</v>
      </c>
      <c r="E96" s="419">
        <v>8206251288.5499992</v>
      </c>
      <c r="F96" s="419">
        <v>2585380059.6100001</v>
      </c>
      <c r="G96" s="419">
        <v>1626711655.01</v>
      </c>
      <c r="H96" s="419">
        <v>4759092112.5500002</v>
      </c>
      <c r="I96" s="419">
        <v>6032539235.6100006</v>
      </c>
      <c r="J96" s="419">
        <v>4377350030.2900009</v>
      </c>
      <c r="K96" s="709">
        <v>0</v>
      </c>
      <c r="L96" s="734"/>
    </row>
    <row r="97" spans="1:12" s="44" customFormat="1" ht="10.5" x14ac:dyDescent="0.2">
      <c r="A97" s="62" t="s">
        <v>86</v>
      </c>
      <c r="B97" s="421">
        <v>5269505500</v>
      </c>
      <c r="C97" s="421">
        <v>6611945982.5100002</v>
      </c>
      <c r="D97" s="421">
        <v>1050253022.05</v>
      </c>
      <c r="E97" s="421">
        <v>5868784985.3800001</v>
      </c>
      <c r="F97" s="421">
        <v>743160997.13000011</v>
      </c>
      <c r="G97" s="421">
        <v>1155446216.3499999</v>
      </c>
      <c r="H97" s="421">
        <v>3450599613.2600002</v>
      </c>
      <c r="I97" s="421">
        <v>3161346369.25</v>
      </c>
      <c r="J97" s="421">
        <v>3124955756.0700002</v>
      </c>
      <c r="K97" s="697">
        <v>0</v>
      </c>
      <c r="L97" s="745"/>
    </row>
    <row r="98" spans="1:12" ht="10.5" x14ac:dyDescent="0.2">
      <c r="A98" s="62" t="s">
        <v>87</v>
      </c>
      <c r="B98" s="421">
        <v>268572300</v>
      </c>
      <c r="C98" s="421">
        <v>272069300</v>
      </c>
      <c r="D98" s="421">
        <v>2246985.66</v>
      </c>
      <c r="E98" s="421">
        <v>270227689.14999998</v>
      </c>
      <c r="F98" s="421">
        <v>1841610.8500000238</v>
      </c>
      <c r="G98" s="421">
        <v>14882989.710000001</v>
      </c>
      <c r="H98" s="421">
        <v>92889740.129999995</v>
      </c>
      <c r="I98" s="421">
        <v>179179559.87</v>
      </c>
      <c r="J98" s="421">
        <v>92889740.129999995</v>
      </c>
      <c r="K98" s="697">
        <v>0</v>
      </c>
      <c r="L98" s="745"/>
    </row>
    <row r="99" spans="1:12" ht="10.5" x14ac:dyDescent="0.2">
      <c r="A99" s="62" t="s">
        <v>88</v>
      </c>
      <c r="B99" s="488">
        <v>5107226100</v>
      </c>
      <c r="C99" s="421">
        <v>3907616065.6500001</v>
      </c>
      <c r="D99" s="421">
        <v>366476672.76999998</v>
      </c>
      <c r="E99" s="421">
        <v>2067238614.02</v>
      </c>
      <c r="F99" s="421">
        <v>1840377451.6300001</v>
      </c>
      <c r="G99" s="421">
        <v>456382448.94999999</v>
      </c>
      <c r="H99" s="421">
        <v>1215602759.1600001</v>
      </c>
      <c r="I99" s="421">
        <v>2692013306.4900002</v>
      </c>
      <c r="J99" s="421">
        <v>1159504534.0900002</v>
      </c>
      <c r="K99" s="697">
        <v>0</v>
      </c>
      <c r="L99" s="745"/>
    </row>
    <row r="100" spans="1:12" ht="10.5" x14ac:dyDescent="0.2">
      <c r="A100" s="63" t="s">
        <v>734</v>
      </c>
      <c r="B100" s="421">
        <v>2199871000</v>
      </c>
      <c r="C100" s="421">
        <v>920115222</v>
      </c>
      <c r="D100" s="421">
        <v>0</v>
      </c>
      <c r="E100" s="421">
        <v>141591166.88999999</v>
      </c>
      <c r="F100" s="421">
        <v>778524055.11000001</v>
      </c>
      <c r="G100" s="421">
        <v>28000000</v>
      </c>
      <c r="H100" s="421">
        <v>95341166.890000001</v>
      </c>
      <c r="I100" s="421">
        <v>824774055.11000001</v>
      </c>
      <c r="J100" s="421">
        <v>81341166.890000001</v>
      </c>
      <c r="K100" s="697">
        <v>0</v>
      </c>
      <c r="L100" s="745"/>
    </row>
    <row r="101" spans="1:12" ht="10.5" x14ac:dyDescent="0.2">
      <c r="A101" s="63" t="s">
        <v>735</v>
      </c>
      <c r="B101" s="421">
        <v>2907355100</v>
      </c>
      <c r="C101" s="421">
        <v>2987500843.6500001</v>
      </c>
      <c r="D101" s="421">
        <v>366476672.76999998</v>
      </c>
      <c r="E101" s="421">
        <v>1925647447.1300001</v>
      </c>
      <c r="F101" s="421">
        <v>1061853396.52</v>
      </c>
      <c r="G101" s="421">
        <v>428382448.94999999</v>
      </c>
      <c r="H101" s="421">
        <v>1120261592.27</v>
      </c>
      <c r="I101" s="421">
        <v>1867239251.3800001</v>
      </c>
      <c r="J101" s="421">
        <v>1078163367.2</v>
      </c>
      <c r="K101" s="697">
        <v>0</v>
      </c>
      <c r="L101" s="745"/>
    </row>
    <row r="102" spans="1:12" s="44" customFormat="1" ht="10.5" x14ac:dyDescent="0.2">
      <c r="A102" s="62" t="s">
        <v>89</v>
      </c>
      <c r="B102" s="487">
        <v>2158528600</v>
      </c>
      <c r="C102" s="419">
        <v>2405135876.6599998</v>
      </c>
      <c r="D102" s="419">
        <v>184805486.66</v>
      </c>
      <c r="E102" s="419">
        <v>1518242287.0799999</v>
      </c>
      <c r="F102" s="419">
        <v>886893589.57999992</v>
      </c>
      <c r="G102" s="419">
        <v>156576175.38999999</v>
      </c>
      <c r="H102" s="419">
        <v>541995794.49000001</v>
      </c>
      <c r="I102" s="419">
        <v>1863140082.1699998</v>
      </c>
      <c r="J102" s="419">
        <v>532852329.65999997</v>
      </c>
      <c r="K102" s="709">
        <v>0</v>
      </c>
      <c r="L102" s="734"/>
    </row>
    <row r="103" spans="1:12" ht="10.5" x14ac:dyDescent="0.2">
      <c r="A103" s="56" t="s">
        <v>90</v>
      </c>
      <c r="B103" s="421">
        <v>1453525700</v>
      </c>
      <c r="C103" s="421">
        <v>1700518276.6600001</v>
      </c>
      <c r="D103" s="421">
        <v>175277538.34999999</v>
      </c>
      <c r="E103" s="421">
        <v>834930131.52999997</v>
      </c>
      <c r="F103" s="421">
        <v>865588145.13000011</v>
      </c>
      <c r="G103" s="421">
        <v>126876634.27</v>
      </c>
      <c r="H103" s="421">
        <v>292297527.63999999</v>
      </c>
      <c r="I103" s="421">
        <v>1408220749.02</v>
      </c>
      <c r="J103" s="421">
        <v>283154542.38999999</v>
      </c>
      <c r="K103" s="697">
        <v>0</v>
      </c>
      <c r="L103" s="745"/>
    </row>
    <row r="104" spans="1:12" ht="10.5" x14ac:dyDescent="0.2">
      <c r="A104" s="56" t="s">
        <v>91</v>
      </c>
      <c r="B104" s="421">
        <v>6967100</v>
      </c>
      <c r="C104" s="421">
        <v>6381800</v>
      </c>
      <c r="D104" s="421">
        <v>0</v>
      </c>
      <c r="E104" s="421">
        <v>164699.4</v>
      </c>
      <c r="F104" s="421">
        <v>6217100.5999999996</v>
      </c>
      <c r="G104" s="421">
        <v>164699.4</v>
      </c>
      <c r="H104" s="421">
        <v>164699.4</v>
      </c>
      <c r="I104" s="421">
        <v>6217100.5999999996</v>
      </c>
      <c r="J104" s="421">
        <v>164699.4</v>
      </c>
      <c r="K104" s="697">
        <v>0</v>
      </c>
      <c r="L104" s="745"/>
    </row>
    <row r="105" spans="1:12" ht="10.5" x14ac:dyDescent="0.2">
      <c r="A105" s="56" t="s">
        <v>92</v>
      </c>
      <c r="B105" s="421">
        <v>698035800</v>
      </c>
      <c r="C105" s="421">
        <v>698235800</v>
      </c>
      <c r="D105" s="421">
        <v>9527948.3100000005</v>
      </c>
      <c r="E105" s="421">
        <v>683147456.14999998</v>
      </c>
      <c r="F105" s="421">
        <v>15088343.850000024</v>
      </c>
      <c r="G105" s="421">
        <v>29534841.719999999</v>
      </c>
      <c r="H105" s="421">
        <v>249533567.44999999</v>
      </c>
      <c r="I105" s="421">
        <v>448702232.55000001</v>
      </c>
      <c r="J105" s="421">
        <v>249533087.87</v>
      </c>
      <c r="K105" s="697">
        <v>0</v>
      </c>
      <c r="L105" s="745"/>
    </row>
    <row r="106" spans="1:12" ht="10.5" x14ac:dyDescent="0.2">
      <c r="A106" s="56" t="s">
        <v>93</v>
      </c>
      <c r="B106" s="422">
        <v>128753000</v>
      </c>
      <c r="C106" s="489">
        <v>128753000</v>
      </c>
      <c r="D106" s="421">
        <v>0</v>
      </c>
      <c r="E106" s="421">
        <v>0</v>
      </c>
      <c r="F106" s="421">
        <v>128753000</v>
      </c>
      <c r="G106" s="421">
        <v>0</v>
      </c>
      <c r="H106" s="421">
        <v>0</v>
      </c>
      <c r="I106" s="421">
        <v>128753000</v>
      </c>
      <c r="J106" s="421">
        <v>0</v>
      </c>
      <c r="K106" s="697">
        <v>0</v>
      </c>
      <c r="L106" s="745"/>
    </row>
    <row r="107" spans="1:12" ht="10.5" x14ac:dyDescent="0.2">
      <c r="A107" s="56" t="s">
        <v>94</v>
      </c>
      <c r="B107" s="422">
        <v>0</v>
      </c>
      <c r="C107" s="421">
        <v>0</v>
      </c>
      <c r="D107" s="421">
        <v>0</v>
      </c>
      <c r="E107" s="421">
        <v>0</v>
      </c>
      <c r="F107" s="421">
        <v>0</v>
      </c>
      <c r="G107" s="421">
        <v>0</v>
      </c>
      <c r="H107" s="421">
        <v>0</v>
      </c>
      <c r="I107" s="421">
        <v>0</v>
      </c>
      <c r="J107" s="421">
        <v>0</v>
      </c>
      <c r="K107" s="697">
        <v>0</v>
      </c>
      <c r="L107" s="745"/>
    </row>
    <row r="108" spans="1:12" s="44" customFormat="1" ht="10.5" x14ac:dyDescent="0.2">
      <c r="A108" s="62" t="s">
        <v>95</v>
      </c>
      <c r="B108" s="420">
        <v>993939500</v>
      </c>
      <c r="C108" s="420">
        <v>1288642155.1800001</v>
      </c>
      <c r="D108" s="420">
        <v>187826435.25</v>
      </c>
      <c r="E108" s="420">
        <v>1075566081.0999999</v>
      </c>
      <c r="F108" s="420">
        <v>213076074.08000016</v>
      </c>
      <c r="G108" s="420">
        <v>203827662.84999999</v>
      </c>
      <c r="H108" s="420">
        <v>565772348.17000008</v>
      </c>
      <c r="I108" s="420">
        <v>722869807.00999999</v>
      </c>
      <c r="J108" s="420">
        <v>457727892.09999996</v>
      </c>
      <c r="K108" s="701">
        <v>0</v>
      </c>
      <c r="L108" s="747"/>
    </row>
    <row r="109" spans="1:12" s="44" customFormat="1" ht="10.5" x14ac:dyDescent="0.2">
      <c r="A109" s="116" t="s">
        <v>96</v>
      </c>
      <c r="B109" s="466">
        <v>13926525000</v>
      </c>
      <c r="C109" s="466">
        <v>14614162380</v>
      </c>
      <c r="D109" s="466">
        <v>1791608602.3900001</v>
      </c>
      <c r="E109" s="466">
        <v>10800059656.73</v>
      </c>
      <c r="F109" s="466">
        <v>3814102723.2700005</v>
      </c>
      <c r="G109" s="466">
        <v>1987115493.25</v>
      </c>
      <c r="H109" s="466">
        <v>5866860255.21</v>
      </c>
      <c r="I109" s="466">
        <v>8747302124.789999</v>
      </c>
      <c r="J109" s="466">
        <v>5367930252.0500011</v>
      </c>
      <c r="K109" s="703">
        <v>0</v>
      </c>
      <c r="L109" s="740"/>
    </row>
    <row r="110" spans="1:12" ht="10.5" x14ac:dyDescent="0.2">
      <c r="A110" s="298" t="s">
        <v>361</v>
      </c>
      <c r="B110" s="429">
        <v>0</v>
      </c>
      <c r="C110" s="429">
        <v>0</v>
      </c>
      <c r="D110" s="429">
        <v>0</v>
      </c>
      <c r="E110" s="429">
        <v>0</v>
      </c>
      <c r="F110" s="429">
        <v>0</v>
      </c>
      <c r="G110" s="429">
        <v>0</v>
      </c>
      <c r="H110" s="429">
        <v>0</v>
      </c>
      <c r="I110" s="429">
        <v>0</v>
      </c>
      <c r="J110" s="429">
        <v>0</v>
      </c>
      <c r="K110" s="703">
        <v>0</v>
      </c>
      <c r="L110" s="740"/>
    </row>
    <row r="111" spans="1:12" s="44" customFormat="1" ht="10.5" hidden="1" customHeight="1" x14ac:dyDescent="0.2">
      <c r="A111" s="146" t="s">
        <v>3</v>
      </c>
      <c r="B111" s="470">
        <v>0</v>
      </c>
      <c r="C111" s="470">
        <v>0</v>
      </c>
      <c r="D111" s="470">
        <v>0</v>
      </c>
      <c r="E111" s="470">
        <v>0</v>
      </c>
      <c r="F111" s="470">
        <v>0</v>
      </c>
      <c r="G111" s="470">
        <v>0</v>
      </c>
      <c r="H111" s="470">
        <v>0</v>
      </c>
      <c r="I111" s="470">
        <v>0</v>
      </c>
      <c r="J111" s="470">
        <v>0</v>
      </c>
      <c r="K111" s="711">
        <v>0</v>
      </c>
      <c r="L111" s="744"/>
    </row>
    <row r="112" spans="1:12" ht="10.5" hidden="1" customHeight="1" x14ac:dyDescent="0.2">
      <c r="A112" s="29" t="s">
        <v>1</v>
      </c>
      <c r="B112" s="422"/>
      <c r="C112" s="422"/>
      <c r="D112" s="421"/>
      <c r="E112" s="422"/>
      <c r="F112" s="421"/>
      <c r="G112" s="468"/>
      <c r="H112" s="468"/>
      <c r="I112" s="468"/>
      <c r="J112" s="421"/>
      <c r="K112" s="697"/>
      <c r="L112" s="745"/>
    </row>
    <row r="113" spans="1:12" ht="10.5" hidden="1" customHeight="1" x14ac:dyDescent="0.2">
      <c r="A113" s="29" t="s">
        <v>2</v>
      </c>
      <c r="B113" s="422"/>
      <c r="C113" s="422"/>
      <c r="D113" s="421"/>
      <c r="E113" s="422"/>
      <c r="F113" s="421"/>
      <c r="G113" s="468"/>
      <c r="H113" s="468"/>
      <c r="I113" s="468"/>
      <c r="J113" s="421"/>
      <c r="K113" s="697"/>
      <c r="L113" s="745"/>
    </row>
    <row r="114" spans="1:12" s="44" customFormat="1" ht="10.5" hidden="1" customHeight="1" x14ac:dyDescent="0.2">
      <c r="A114" s="146" t="s">
        <v>4</v>
      </c>
      <c r="B114" s="470">
        <v>0</v>
      </c>
      <c r="C114" s="470">
        <v>0</v>
      </c>
      <c r="D114" s="470">
        <v>0</v>
      </c>
      <c r="E114" s="470">
        <v>0</v>
      </c>
      <c r="F114" s="470">
        <v>0</v>
      </c>
      <c r="G114" s="470">
        <v>0</v>
      </c>
      <c r="H114" s="470">
        <v>0</v>
      </c>
      <c r="I114" s="470">
        <v>0</v>
      </c>
      <c r="J114" s="470">
        <v>0</v>
      </c>
      <c r="K114" s="709">
        <v>0</v>
      </c>
      <c r="L114" s="734"/>
    </row>
    <row r="115" spans="1:12" ht="10.5" hidden="1" customHeight="1" x14ac:dyDescent="0.2">
      <c r="A115" s="29" t="s">
        <v>1</v>
      </c>
      <c r="B115" s="422"/>
      <c r="C115" s="422"/>
      <c r="D115" s="421"/>
      <c r="E115" s="422"/>
      <c r="F115" s="421"/>
      <c r="G115" s="468"/>
      <c r="H115" s="468"/>
      <c r="I115" s="468"/>
      <c r="J115" s="421"/>
      <c r="K115" s="697"/>
      <c r="L115" s="745"/>
    </row>
    <row r="116" spans="1:12" ht="10.5" hidden="1" customHeight="1" x14ac:dyDescent="0.2">
      <c r="A116" s="30" t="s">
        <v>2</v>
      </c>
      <c r="B116" s="425"/>
      <c r="C116" s="425"/>
      <c r="D116" s="424"/>
      <c r="E116" s="425"/>
      <c r="F116" s="424"/>
      <c r="G116" s="471"/>
      <c r="H116" s="471"/>
      <c r="I116" s="471"/>
      <c r="J116" s="424"/>
      <c r="K116" s="707"/>
      <c r="L116" s="746"/>
    </row>
    <row r="117" spans="1:12" ht="10.5" x14ac:dyDescent="0.2">
      <c r="A117" s="150" t="s">
        <v>97</v>
      </c>
      <c r="B117" s="490">
        <v>13926525000</v>
      </c>
      <c r="C117" s="490">
        <v>14614162380</v>
      </c>
      <c r="D117" s="490">
        <v>1791608602.3900001</v>
      </c>
      <c r="E117" s="490">
        <v>10800059656.73</v>
      </c>
      <c r="F117" s="490">
        <v>3814102723.2700005</v>
      </c>
      <c r="G117" s="490">
        <v>1987115493.25</v>
      </c>
      <c r="H117" s="490">
        <v>5866860255.21</v>
      </c>
      <c r="I117" s="490">
        <v>8747302124.789999</v>
      </c>
      <c r="J117" s="490">
        <v>5367930252.0500011</v>
      </c>
      <c r="K117" s="699">
        <v>0</v>
      </c>
      <c r="L117" s="741"/>
    </row>
    <row r="118" spans="1:12" ht="10.5" x14ac:dyDescent="0.2">
      <c r="A118" s="150" t="s">
        <v>98</v>
      </c>
      <c r="B118" s="466"/>
      <c r="C118" s="466"/>
      <c r="D118" s="466"/>
      <c r="E118" s="466"/>
      <c r="F118" s="466"/>
      <c r="G118" s="466"/>
      <c r="H118" s="467">
        <v>0</v>
      </c>
      <c r="I118" s="428"/>
      <c r="J118" s="491"/>
      <c r="K118" s="741"/>
      <c r="L118" s="741"/>
    </row>
    <row r="119" spans="1:12" ht="15" customHeight="1" x14ac:dyDescent="0.2">
      <c r="A119" s="61" t="s">
        <v>99</v>
      </c>
      <c r="B119" s="492">
        <v>13926525000</v>
      </c>
      <c r="C119" s="492">
        <v>14614162380</v>
      </c>
      <c r="D119" s="492">
        <v>1791608602.3900001</v>
      </c>
      <c r="E119" s="492">
        <v>10800059656.73</v>
      </c>
      <c r="F119" s="464">
        <v>3814102723.2700005</v>
      </c>
      <c r="G119" s="464">
        <v>1987115493.25</v>
      </c>
      <c r="H119" s="493">
        <v>5866860255.21</v>
      </c>
      <c r="I119" s="464">
        <v>8747302124.789999</v>
      </c>
      <c r="J119" s="464">
        <v>5367930252.0500011</v>
      </c>
      <c r="K119" s="742">
        <v>0</v>
      </c>
      <c r="L119" s="743"/>
    </row>
    <row r="120" spans="1:12" ht="11.25" customHeight="1" x14ac:dyDescent="0.2">
      <c r="A120" s="45" t="s">
        <v>846</v>
      </c>
      <c r="K120" s="733"/>
      <c r="L120" s="733"/>
    </row>
    <row r="121" spans="1:12" ht="11.25" customHeight="1" x14ac:dyDescent="0.2">
      <c r="B121" s="452"/>
      <c r="C121" s="627"/>
      <c r="D121" s="204"/>
      <c r="H121" s="682"/>
    </row>
    <row r="122" spans="1:12" ht="11.25" customHeight="1" x14ac:dyDescent="0.2">
      <c r="B122" s="204"/>
      <c r="C122" s="204"/>
      <c r="D122" s="204"/>
      <c r="G122" s="204"/>
      <c r="H122" s="682"/>
    </row>
    <row r="123" spans="1:12" ht="11.25" customHeight="1" x14ac:dyDescent="0.2">
      <c r="C123" s="204"/>
      <c r="D123" s="204"/>
      <c r="E123" s="204"/>
      <c r="G123" s="204"/>
      <c r="H123" s="204"/>
    </row>
    <row r="124" spans="1:12" ht="11.25" customHeight="1" x14ac:dyDescent="0.2">
      <c r="B124" s="204"/>
      <c r="D124" s="204"/>
    </row>
    <row r="125" spans="1:12" ht="11.25" customHeight="1" x14ac:dyDescent="0.2">
      <c r="B125" s="204"/>
      <c r="D125" s="204"/>
      <c r="E125" s="204"/>
    </row>
    <row r="126" spans="1:12" ht="11.25" customHeight="1" x14ac:dyDescent="0.2">
      <c r="B126" s="204"/>
      <c r="D126" s="204"/>
    </row>
    <row r="127" spans="1:12" ht="11.25" customHeight="1" x14ac:dyDescent="0.2">
      <c r="D127" s="204"/>
    </row>
  </sheetData>
  <dataConsolidate/>
  <customSheetViews>
    <customSheetView guid="{C779D862-DE28-46CD-A428-4AAA1056D1E1}" showPageBreaks="1" showGridLines="0" fitToPage="1" printArea="1">
      <rowBreaks count="1" manualBreakCount="1">
        <brk id="97" max="16383" man="1"/>
      </rowBreaks>
      <pageMargins left="0.19685039370078741" right="0.19685039370078741" top="0.39370078740157483" bottom="0.19685039370078741" header="0" footer="0"/>
      <printOptions horizontalCentered="1"/>
      <pageSetup paperSize="9" scale="38" orientation="portrait" r:id="rId1"/>
      <headerFooter alignWithMargins="0"/>
    </customSheetView>
    <customSheetView guid="{82EDB5A4-4824-4632-A540-7A52C92F04C7}" scale="90" showPageBreaks="1" showGridLines="0" fitToPage="1" printArea="1" hiddenRows="1" topLeftCell="B93">
      <selection activeCell="H122" sqref="H122"/>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2"/>
      <headerFooter alignWithMargins="0"/>
    </customSheetView>
    <customSheetView guid="{3AAF6A5F-F9AA-430B-9AD9-1261ECDF41B5}" scale="80" showPageBreaks="1" showGridLines="0" fitToPage="1" printArea="1" topLeftCell="A82">
      <selection activeCell="A97" sqref="A97"/>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3"/>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4"/>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5"/>
      <headerFooter alignWithMargins="0"/>
    </customSheetView>
    <customSheetView guid="{B4FED47C-EE37-4843-A570-282D4F8229D4}" scale="90" showGridLines="0" fitToPage="1" topLeftCell="A7">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6"/>
      <headerFooter alignWithMargins="0"/>
    </customSheetView>
    <customSheetView guid="{6DBFA32C-4AA4-4E1D-9A48-697377C64CC3}" showPageBreaks="1" showGridLines="0" fitToPage="1" printArea="1" topLeftCell="C91">
      <selection activeCell="G119" sqref="G119:H119"/>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7"/>
      <headerFooter alignWithMargins="0"/>
    </customSheetView>
    <customSheetView guid="{25EF1E0D-169B-4051-B414-7E1196FC05E4}" showPageBreaks="1" showGridLines="0" fitToPage="1" printArea="1" topLeftCell="A85">
      <selection activeCell="F113" sqref="F113"/>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8"/>
      <headerFooter alignWithMargins="0"/>
    </customSheetView>
  </customSheetViews>
  <mergeCells count="351">
    <mergeCell ref="I67:J67"/>
    <mergeCell ref="I68:J68"/>
    <mergeCell ref="I69:J69"/>
    <mergeCell ref="I70:J70"/>
    <mergeCell ref="I71:J71"/>
    <mergeCell ref="I81:J81"/>
    <mergeCell ref="I82:J82"/>
    <mergeCell ref="I87:J87"/>
    <mergeCell ref="I88:J88"/>
    <mergeCell ref="I72:J72"/>
    <mergeCell ref="I73:J73"/>
    <mergeCell ref="I74:J74"/>
    <mergeCell ref="I75:J75"/>
    <mergeCell ref="I76:J76"/>
    <mergeCell ref="I77:J77"/>
    <mergeCell ref="I78:J78"/>
    <mergeCell ref="I79:J79"/>
    <mergeCell ref="I80:J80"/>
    <mergeCell ref="I83:J83"/>
    <mergeCell ref="I84:J84"/>
    <mergeCell ref="I58:J58"/>
    <mergeCell ref="I59:J59"/>
    <mergeCell ref="I60:J60"/>
    <mergeCell ref="I61:J61"/>
    <mergeCell ref="I62:J62"/>
    <mergeCell ref="I63:J63"/>
    <mergeCell ref="I64:J64"/>
    <mergeCell ref="I65:J65"/>
    <mergeCell ref="I66:J66"/>
    <mergeCell ref="I49:J49"/>
    <mergeCell ref="I50:J50"/>
    <mergeCell ref="I51:J51"/>
    <mergeCell ref="I52:J52"/>
    <mergeCell ref="I53:J53"/>
    <mergeCell ref="I54:J54"/>
    <mergeCell ref="I55:J55"/>
    <mergeCell ref="I56:J56"/>
    <mergeCell ref="I57:J57"/>
    <mergeCell ref="I40:J40"/>
    <mergeCell ref="I41:J41"/>
    <mergeCell ref="I42:J42"/>
    <mergeCell ref="I43:J43"/>
    <mergeCell ref="I44:J44"/>
    <mergeCell ref="I45:J45"/>
    <mergeCell ref="I46:J46"/>
    <mergeCell ref="I47:J47"/>
    <mergeCell ref="I48:J48"/>
    <mergeCell ref="I22:J22"/>
    <mergeCell ref="I23:J23"/>
    <mergeCell ref="I24:J24"/>
    <mergeCell ref="I25:J25"/>
    <mergeCell ref="I26:J26"/>
    <mergeCell ref="I27:J27"/>
    <mergeCell ref="I28:J28"/>
    <mergeCell ref="I29:J29"/>
    <mergeCell ref="I30:J30"/>
    <mergeCell ref="I13:J13"/>
    <mergeCell ref="I14:J14"/>
    <mergeCell ref="I15:J15"/>
    <mergeCell ref="I16:J16"/>
    <mergeCell ref="I17:J17"/>
    <mergeCell ref="I18:J18"/>
    <mergeCell ref="I19:J19"/>
    <mergeCell ref="I20:J20"/>
    <mergeCell ref="I21:J21"/>
    <mergeCell ref="F76:G76"/>
    <mergeCell ref="F77:G77"/>
    <mergeCell ref="F78:G78"/>
    <mergeCell ref="F79:G79"/>
    <mergeCell ref="F80:G80"/>
    <mergeCell ref="F81:G81"/>
    <mergeCell ref="F82:G82"/>
    <mergeCell ref="F87:G87"/>
    <mergeCell ref="F88:G88"/>
    <mergeCell ref="F84:G84"/>
    <mergeCell ref="F83:G83"/>
    <mergeCell ref="F67:G67"/>
    <mergeCell ref="F68:G68"/>
    <mergeCell ref="F69:G69"/>
    <mergeCell ref="F70:G70"/>
    <mergeCell ref="F71:G71"/>
    <mergeCell ref="F72:G72"/>
    <mergeCell ref="F73:G73"/>
    <mergeCell ref="F74:G74"/>
    <mergeCell ref="F75:G75"/>
    <mergeCell ref="F58:G58"/>
    <mergeCell ref="F59:G59"/>
    <mergeCell ref="F60:G60"/>
    <mergeCell ref="F61:G61"/>
    <mergeCell ref="F62:G62"/>
    <mergeCell ref="F63:G63"/>
    <mergeCell ref="F64:G64"/>
    <mergeCell ref="F65:G65"/>
    <mergeCell ref="F66:G66"/>
    <mergeCell ref="F49:G49"/>
    <mergeCell ref="F50:G50"/>
    <mergeCell ref="F51:G51"/>
    <mergeCell ref="F52:G52"/>
    <mergeCell ref="F53:G53"/>
    <mergeCell ref="F54:G54"/>
    <mergeCell ref="F55:G55"/>
    <mergeCell ref="F56:G56"/>
    <mergeCell ref="F57:G57"/>
    <mergeCell ref="F40:G40"/>
    <mergeCell ref="F41:G41"/>
    <mergeCell ref="F42:G42"/>
    <mergeCell ref="F43:G43"/>
    <mergeCell ref="F44:G44"/>
    <mergeCell ref="F45:G45"/>
    <mergeCell ref="F46:G46"/>
    <mergeCell ref="F47:G47"/>
    <mergeCell ref="F48:G48"/>
    <mergeCell ref="F22:G22"/>
    <mergeCell ref="F23:G23"/>
    <mergeCell ref="F24:G24"/>
    <mergeCell ref="F25:G25"/>
    <mergeCell ref="F26:G26"/>
    <mergeCell ref="F27:G27"/>
    <mergeCell ref="F28:G28"/>
    <mergeCell ref="F29:G29"/>
    <mergeCell ref="F30:G30"/>
    <mergeCell ref="F13:G13"/>
    <mergeCell ref="F14:G14"/>
    <mergeCell ref="F15:G15"/>
    <mergeCell ref="F16:G16"/>
    <mergeCell ref="F17:G17"/>
    <mergeCell ref="F18:G18"/>
    <mergeCell ref="F19:G19"/>
    <mergeCell ref="F20:G20"/>
    <mergeCell ref="F21:G21"/>
    <mergeCell ref="D67:E67"/>
    <mergeCell ref="D68:E68"/>
    <mergeCell ref="D69:E69"/>
    <mergeCell ref="D70:E70"/>
    <mergeCell ref="D71:E71"/>
    <mergeCell ref="D72:E72"/>
    <mergeCell ref="D73:E73"/>
    <mergeCell ref="D74:E74"/>
    <mergeCell ref="D75:E75"/>
    <mergeCell ref="D58:E58"/>
    <mergeCell ref="D59:E59"/>
    <mergeCell ref="D60:E60"/>
    <mergeCell ref="D61:E61"/>
    <mergeCell ref="D62:E62"/>
    <mergeCell ref="D63:E63"/>
    <mergeCell ref="D64:E64"/>
    <mergeCell ref="D65:E65"/>
    <mergeCell ref="D66:E66"/>
    <mergeCell ref="D49:E49"/>
    <mergeCell ref="D50:E50"/>
    <mergeCell ref="D51:E51"/>
    <mergeCell ref="D52:E52"/>
    <mergeCell ref="D53:E53"/>
    <mergeCell ref="D54:E54"/>
    <mergeCell ref="D55:E55"/>
    <mergeCell ref="D56:E56"/>
    <mergeCell ref="D57:E57"/>
    <mergeCell ref="D40:E40"/>
    <mergeCell ref="D41:E41"/>
    <mergeCell ref="D42:E42"/>
    <mergeCell ref="D43:E43"/>
    <mergeCell ref="D44:E44"/>
    <mergeCell ref="D45:E45"/>
    <mergeCell ref="D46:E46"/>
    <mergeCell ref="D47:E47"/>
    <mergeCell ref="D48:E48"/>
    <mergeCell ref="D18:E18"/>
    <mergeCell ref="D19:E19"/>
    <mergeCell ref="D20:E20"/>
    <mergeCell ref="D21:E21"/>
    <mergeCell ref="D26:E26"/>
    <mergeCell ref="D27:E27"/>
    <mergeCell ref="D29:E29"/>
    <mergeCell ref="D30:E30"/>
    <mergeCell ref="D31:E31"/>
    <mergeCell ref="B85:C85"/>
    <mergeCell ref="I85:J85"/>
    <mergeCell ref="B86:C86"/>
    <mergeCell ref="K98:L98"/>
    <mergeCell ref="K99:L99"/>
    <mergeCell ref="K100:L100"/>
    <mergeCell ref="K101:L101"/>
    <mergeCell ref="G91:H91"/>
    <mergeCell ref="K91:L94"/>
    <mergeCell ref="K95:L95"/>
    <mergeCell ref="K97:L97"/>
    <mergeCell ref="D91:E91"/>
    <mergeCell ref="F86:G86"/>
    <mergeCell ref="D86:E86"/>
    <mergeCell ref="D88:E88"/>
    <mergeCell ref="D85:E85"/>
    <mergeCell ref="D87:E87"/>
    <mergeCell ref="B87:C87"/>
    <mergeCell ref="B88:C88"/>
    <mergeCell ref="F85:G85"/>
    <mergeCell ref="I86:J86"/>
    <mergeCell ref="K120:L120"/>
    <mergeCell ref="K96:L96"/>
    <mergeCell ref="J91:J93"/>
    <mergeCell ref="A91:A94"/>
    <mergeCell ref="K109:L109"/>
    <mergeCell ref="K118:L118"/>
    <mergeCell ref="K119:L119"/>
    <mergeCell ref="K117:L117"/>
    <mergeCell ref="K111:L111"/>
    <mergeCell ref="K112:L112"/>
    <mergeCell ref="K113:L113"/>
    <mergeCell ref="K114:L114"/>
    <mergeCell ref="K115:L115"/>
    <mergeCell ref="K116:L116"/>
    <mergeCell ref="K107:L107"/>
    <mergeCell ref="K108:L108"/>
    <mergeCell ref="K110:L110"/>
    <mergeCell ref="K102:L102"/>
    <mergeCell ref="K103:L103"/>
    <mergeCell ref="K104:L104"/>
    <mergeCell ref="K105:L105"/>
    <mergeCell ref="K106:L106"/>
    <mergeCell ref="F91:F93"/>
    <mergeCell ref="I91:I93"/>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A10:A12"/>
    <mergeCell ref="B15:C15"/>
    <mergeCell ref="B21:C21"/>
    <mergeCell ref="B13:C13"/>
    <mergeCell ref="B14:C14"/>
    <mergeCell ref="B19:C19"/>
    <mergeCell ref="B20:C20"/>
    <mergeCell ref="D22:E22"/>
    <mergeCell ref="B28:C28"/>
    <mergeCell ref="D28:E28"/>
    <mergeCell ref="B23:C23"/>
    <mergeCell ref="D23:E23"/>
    <mergeCell ref="B24:C24"/>
    <mergeCell ref="D24:E24"/>
    <mergeCell ref="B25:C25"/>
    <mergeCell ref="D25:E25"/>
    <mergeCell ref="B22:C22"/>
    <mergeCell ref="B17:C17"/>
    <mergeCell ref="B18:C18"/>
    <mergeCell ref="B16:C16"/>
    <mergeCell ref="D13:E13"/>
    <mergeCell ref="D14:E14"/>
    <mergeCell ref="D15:E15"/>
    <mergeCell ref="D16:E16"/>
    <mergeCell ref="D17:E17"/>
    <mergeCell ref="B26:C26"/>
    <mergeCell ref="B31:C31"/>
    <mergeCell ref="B29:C29"/>
    <mergeCell ref="B30:C30"/>
    <mergeCell ref="B27:C27"/>
    <mergeCell ref="I33:J33"/>
    <mergeCell ref="B34:C34"/>
    <mergeCell ref="D34:E34"/>
    <mergeCell ref="F34:G34"/>
    <mergeCell ref="I34:J34"/>
    <mergeCell ref="B33:C33"/>
    <mergeCell ref="D33:E33"/>
    <mergeCell ref="F33:G33"/>
    <mergeCell ref="D32:E32"/>
    <mergeCell ref="F31:G31"/>
    <mergeCell ref="F32:G32"/>
    <mergeCell ref="I31:J31"/>
    <mergeCell ref="I32:J32"/>
    <mergeCell ref="D37:E37"/>
    <mergeCell ref="F37:G37"/>
    <mergeCell ref="I37:J37"/>
    <mergeCell ref="B36:C36"/>
    <mergeCell ref="D36:E36"/>
    <mergeCell ref="F36:G36"/>
    <mergeCell ref="I36:J36"/>
    <mergeCell ref="B39:C39"/>
    <mergeCell ref="B32:C32"/>
    <mergeCell ref="D35:E35"/>
    <mergeCell ref="D38:E38"/>
    <mergeCell ref="D39:E39"/>
    <mergeCell ref="F35:G35"/>
    <mergeCell ref="F38:G38"/>
    <mergeCell ref="F39:G39"/>
    <mergeCell ref="I35:J35"/>
    <mergeCell ref="I38:J38"/>
    <mergeCell ref="I39:J39"/>
    <mergeCell ref="B40:C40"/>
    <mergeCell ref="B35:C35"/>
    <mergeCell ref="B38:C38"/>
    <mergeCell ref="B43:C43"/>
    <mergeCell ref="B44:C44"/>
    <mergeCell ref="B41:C41"/>
    <mergeCell ref="B42:C42"/>
    <mergeCell ref="B47:C47"/>
    <mergeCell ref="B48:C48"/>
    <mergeCell ref="B45:C45"/>
    <mergeCell ref="B46:C46"/>
    <mergeCell ref="B37:C37"/>
    <mergeCell ref="B51:C51"/>
    <mergeCell ref="B52:C52"/>
    <mergeCell ref="B49:C49"/>
    <mergeCell ref="B50:C50"/>
    <mergeCell ref="B55:C55"/>
    <mergeCell ref="B56:C56"/>
    <mergeCell ref="B53:C53"/>
    <mergeCell ref="B54:C54"/>
    <mergeCell ref="B59:C59"/>
    <mergeCell ref="B60:C60"/>
    <mergeCell ref="B57:C57"/>
    <mergeCell ref="B58:C58"/>
    <mergeCell ref="B63:C63"/>
    <mergeCell ref="B64:C64"/>
    <mergeCell ref="B61:C61"/>
    <mergeCell ref="B62:C62"/>
    <mergeCell ref="B67:C67"/>
    <mergeCell ref="B68:C68"/>
    <mergeCell ref="B65:C65"/>
    <mergeCell ref="B66:C66"/>
    <mergeCell ref="B71:C71"/>
    <mergeCell ref="B72:C72"/>
    <mergeCell ref="B69:C69"/>
    <mergeCell ref="B70:C70"/>
    <mergeCell ref="B75:C75"/>
    <mergeCell ref="B73:C73"/>
    <mergeCell ref="B74:C74"/>
    <mergeCell ref="B84:C84"/>
    <mergeCell ref="D84:E84"/>
    <mergeCell ref="B83:C83"/>
    <mergeCell ref="D83:E83"/>
    <mergeCell ref="B76:C76"/>
    <mergeCell ref="B77:C77"/>
    <mergeCell ref="B78:C78"/>
    <mergeCell ref="B79:C79"/>
    <mergeCell ref="B80:C80"/>
    <mergeCell ref="B81:C81"/>
    <mergeCell ref="D76:E76"/>
    <mergeCell ref="D77:E77"/>
    <mergeCell ref="D78:E78"/>
    <mergeCell ref="D79:E79"/>
    <mergeCell ref="D80:E80"/>
    <mergeCell ref="D81:E81"/>
    <mergeCell ref="D82:E82"/>
  </mergeCells>
  <phoneticPr fontId="1" type="noConversion"/>
  <printOptions horizontalCentered="1"/>
  <pageMargins left="0.19685039370078741" right="0.19685039370078741" top="0.39370078740157483" bottom="0.19685039370078741" header="0" footer="0"/>
  <pageSetup paperSize="9" scale="39" fitToHeight="2" orientation="portrait" r:id="rId9"/>
  <headerFooter alignWithMargins="0"/>
  <rowBreaks count="1" manualBreakCount="1">
    <brk id="97" max="16383" man="1"/>
  </rowBreaks>
  <drawing r:id="rId1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tabColor rgb="FF00B050"/>
    <pageSetUpPr fitToPage="1"/>
  </sheetPr>
  <dimension ref="A1:G103"/>
  <sheetViews>
    <sheetView showGridLines="0" zoomScaleNormal="100" workbookViewId="0"/>
  </sheetViews>
  <sheetFormatPr defaultColWidth="3.28515625" defaultRowHeight="11.25" customHeight="1" x14ac:dyDescent="0.2"/>
  <cols>
    <col min="1" max="1" width="56.7109375" style="45" customWidth="1"/>
    <col min="2" max="3" width="19.140625" style="45" customWidth="1"/>
    <col min="4" max="4" width="20.140625" style="45" customWidth="1"/>
    <col min="5" max="5" width="17.28515625" style="45" customWidth="1"/>
    <col min="6" max="6" width="17.28515625" style="45" bestFit="1" customWidth="1"/>
    <col min="7" max="7" width="18.140625" style="45" bestFit="1" customWidth="1"/>
    <col min="8" max="16384" width="3.28515625" style="1"/>
  </cols>
  <sheetData>
    <row r="1" spans="1:7" s="26" customFormat="1" ht="14.25" x14ac:dyDescent="0.2">
      <c r="A1" s="342"/>
      <c r="B1" s="342"/>
      <c r="C1" s="342"/>
      <c r="D1" s="342"/>
      <c r="E1" s="342"/>
      <c r="F1" s="342"/>
      <c r="G1" s="342"/>
    </row>
    <row r="2" spans="1:7" s="26" customFormat="1" ht="14.25" x14ac:dyDescent="0.2">
      <c r="A2" s="342"/>
      <c r="B2" s="342"/>
      <c r="C2" s="342"/>
      <c r="D2" s="342"/>
      <c r="E2" s="342"/>
      <c r="F2" s="342"/>
      <c r="G2" s="342"/>
    </row>
    <row r="3" spans="1:7" s="45" customFormat="1" ht="10.5" x14ac:dyDescent="0.2">
      <c r="A3" s="713" t="s">
        <v>637</v>
      </c>
      <c r="B3" s="713"/>
      <c r="C3" s="713"/>
      <c r="D3" s="713"/>
      <c r="E3" s="713"/>
      <c r="F3" s="713"/>
      <c r="G3" s="713"/>
    </row>
    <row r="4" spans="1:7" s="45" customFormat="1" ht="10.5" x14ac:dyDescent="0.2">
      <c r="A4" s="713" t="s">
        <v>104</v>
      </c>
      <c r="B4" s="713"/>
      <c r="C4" s="713"/>
      <c r="D4" s="713"/>
      <c r="E4" s="713"/>
      <c r="F4" s="713"/>
      <c r="G4" s="713"/>
    </row>
    <row r="5" spans="1:7" s="45" customFormat="1" ht="10.5" x14ac:dyDescent="0.2">
      <c r="A5" s="713" t="s">
        <v>210</v>
      </c>
      <c r="B5" s="713"/>
      <c r="C5" s="713"/>
      <c r="D5" s="713"/>
      <c r="E5" s="713"/>
      <c r="F5" s="713"/>
      <c r="G5" s="713"/>
    </row>
    <row r="6" spans="1:7" s="45" customFormat="1" ht="10.5" customHeight="1" x14ac:dyDescent="0.2">
      <c r="A6" s="713" t="s">
        <v>106</v>
      </c>
      <c r="B6" s="713"/>
      <c r="C6" s="713"/>
      <c r="D6" s="713"/>
      <c r="E6" s="713"/>
      <c r="F6" s="713"/>
      <c r="G6" s="713"/>
    </row>
    <row r="7" spans="1:7" s="45" customFormat="1" ht="10.5" customHeight="1" x14ac:dyDescent="0.2">
      <c r="A7" s="713" t="s">
        <v>888</v>
      </c>
      <c r="B7" s="713"/>
      <c r="C7" s="713"/>
      <c r="D7" s="713"/>
      <c r="E7" s="713"/>
      <c r="F7" s="713"/>
      <c r="G7" s="713"/>
    </row>
    <row r="8" spans="1:7" s="26" customFormat="1" ht="10.5" x14ac:dyDescent="0.2"/>
    <row r="9" spans="1:7" s="26" customFormat="1" ht="10.5" x14ac:dyDescent="0.2">
      <c r="A9" s="125" t="s">
        <v>366</v>
      </c>
      <c r="G9" s="225">
        <v>1</v>
      </c>
    </row>
    <row r="10" spans="1:7" ht="15" customHeight="1" x14ac:dyDescent="0.2">
      <c r="A10" s="774" t="s">
        <v>212</v>
      </c>
      <c r="B10" s="722" t="s">
        <v>312</v>
      </c>
      <c r="C10" s="723"/>
      <c r="D10" s="723"/>
      <c r="E10" s="723"/>
      <c r="F10" s="723"/>
      <c r="G10" s="723"/>
    </row>
    <row r="11" spans="1:7" ht="15" customHeight="1" x14ac:dyDescent="0.2">
      <c r="A11" s="777"/>
      <c r="B11" s="722" t="s">
        <v>211</v>
      </c>
      <c r="C11" s="864"/>
      <c r="D11" s="775" t="s">
        <v>427</v>
      </c>
      <c r="E11" s="775" t="s">
        <v>217</v>
      </c>
      <c r="F11" s="775" t="s">
        <v>216</v>
      </c>
      <c r="G11" s="865" t="s">
        <v>426</v>
      </c>
    </row>
    <row r="12" spans="1:7" ht="10.5" customHeight="1" x14ac:dyDescent="0.2">
      <c r="A12" s="777"/>
      <c r="B12" s="214" t="s">
        <v>311</v>
      </c>
      <c r="C12" s="212" t="s">
        <v>213</v>
      </c>
      <c r="D12" s="800"/>
      <c r="E12" s="800"/>
      <c r="F12" s="800"/>
      <c r="G12" s="866"/>
    </row>
    <row r="13" spans="1:7" ht="10.5" x14ac:dyDescent="0.2">
      <c r="A13" s="777"/>
      <c r="B13" s="212" t="s">
        <v>214</v>
      </c>
      <c r="C13" s="212" t="s">
        <v>215</v>
      </c>
      <c r="D13" s="800"/>
      <c r="E13" s="800"/>
      <c r="F13" s="800"/>
      <c r="G13" s="866" t="s">
        <v>115</v>
      </c>
    </row>
    <row r="14" spans="1:7" ht="13.5" customHeight="1" x14ac:dyDescent="0.2">
      <c r="A14" s="778"/>
      <c r="B14" s="210" t="s">
        <v>218</v>
      </c>
      <c r="C14" s="210">
        <v>2015</v>
      </c>
      <c r="D14" s="776"/>
      <c r="E14" s="776"/>
      <c r="F14" s="776"/>
      <c r="G14" s="867"/>
    </row>
    <row r="15" spans="1:7" s="66" customFormat="1" ht="15" customHeight="1" x14ac:dyDescent="0.2">
      <c r="A15" s="219" t="s">
        <v>100</v>
      </c>
      <c r="B15" s="317">
        <v>14333847.229999999</v>
      </c>
      <c r="C15" s="317">
        <v>483413917.74000001</v>
      </c>
      <c r="D15" s="317">
        <v>201110739.44999999</v>
      </c>
      <c r="E15" s="317">
        <v>195508930.54000002</v>
      </c>
      <c r="F15" s="317">
        <v>4161179.6399999997</v>
      </c>
      <c r="G15" s="482">
        <v>298077654.79000002</v>
      </c>
    </row>
    <row r="16" spans="1:7" ht="10.5" x14ac:dyDescent="0.2">
      <c r="A16" s="26"/>
      <c r="B16" s="527"/>
      <c r="C16" s="527"/>
      <c r="D16" s="527"/>
      <c r="E16" s="527"/>
      <c r="F16" s="529"/>
      <c r="G16" s="529"/>
    </row>
    <row r="17" spans="1:7" s="66" customFormat="1" ht="10.5" x14ac:dyDescent="0.2">
      <c r="A17" s="219" t="s">
        <v>760</v>
      </c>
      <c r="B17" s="317">
        <v>14267825.689999999</v>
      </c>
      <c r="C17" s="317">
        <v>461435150.05000001</v>
      </c>
      <c r="D17" s="317">
        <v>184862631.31999999</v>
      </c>
      <c r="E17" s="538">
        <v>179277289.43000001</v>
      </c>
      <c r="F17" s="317">
        <v>3465788.58</v>
      </c>
      <c r="G17" s="476">
        <v>292959897.73000002</v>
      </c>
    </row>
    <row r="18" spans="1:7" ht="10.5" x14ac:dyDescent="0.2">
      <c r="A18" s="26"/>
      <c r="B18" s="527"/>
      <c r="C18" s="527"/>
      <c r="D18" s="527"/>
      <c r="E18" s="527"/>
      <c r="F18" s="529"/>
      <c r="G18" s="529"/>
    </row>
    <row r="19" spans="1:7" s="66" customFormat="1" ht="10.5" x14ac:dyDescent="0.2">
      <c r="A19" s="227" t="s">
        <v>761</v>
      </c>
      <c r="B19" s="317">
        <v>0</v>
      </c>
      <c r="C19" s="317">
        <v>2405217.27</v>
      </c>
      <c r="D19" s="317">
        <v>2405217.27</v>
      </c>
      <c r="E19" s="317">
        <v>2405217.27</v>
      </c>
      <c r="F19" s="317">
        <v>0</v>
      </c>
      <c r="G19" s="476">
        <v>0</v>
      </c>
    </row>
    <row r="20" spans="1:7" ht="10.5" x14ac:dyDescent="0.2">
      <c r="A20" s="126" t="s">
        <v>762</v>
      </c>
      <c r="B20" s="317">
        <v>0</v>
      </c>
      <c r="C20" s="539">
        <v>0</v>
      </c>
      <c r="D20" s="539">
        <v>0</v>
      </c>
      <c r="E20" s="539">
        <v>0</v>
      </c>
      <c r="F20" s="540">
        <v>0</v>
      </c>
      <c r="G20" s="476">
        <v>0</v>
      </c>
    </row>
    <row r="21" spans="1:7" ht="10.5" x14ac:dyDescent="0.2">
      <c r="A21" s="126" t="s">
        <v>763</v>
      </c>
      <c r="B21" s="317">
        <v>0</v>
      </c>
      <c r="C21" s="527">
        <v>781317.27</v>
      </c>
      <c r="D21" s="527">
        <v>781317.27</v>
      </c>
      <c r="E21" s="527">
        <v>781317.27</v>
      </c>
      <c r="F21" s="529">
        <v>0</v>
      </c>
      <c r="G21" s="476">
        <v>0</v>
      </c>
    </row>
    <row r="22" spans="1:7" ht="10.5" x14ac:dyDescent="0.2">
      <c r="A22" s="126" t="s">
        <v>764</v>
      </c>
      <c r="B22" s="317">
        <v>0</v>
      </c>
      <c r="C22" s="527">
        <v>1623900</v>
      </c>
      <c r="D22" s="527">
        <v>1623900</v>
      </c>
      <c r="E22" s="527">
        <v>1623900</v>
      </c>
      <c r="F22" s="529">
        <v>0</v>
      </c>
      <c r="G22" s="529">
        <v>0</v>
      </c>
    </row>
    <row r="23" spans="1:7" ht="10.5" x14ac:dyDescent="0.2">
      <c r="A23" s="26"/>
      <c r="B23" s="317"/>
      <c r="C23" s="527"/>
      <c r="D23" s="527"/>
      <c r="E23" s="527"/>
      <c r="F23" s="529"/>
      <c r="G23" s="529"/>
    </row>
    <row r="24" spans="1:7" s="66" customFormat="1" ht="10.5" x14ac:dyDescent="0.2">
      <c r="A24" s="227" t="s">
        <v>765</v>
      </c>
      <c r="B24" s="317">
        <v>66021.539999999994</v>
      </c>
      <c r="C24" s="317">
        <v>5174126.4400000004</v>
      </c>
      <c r="D24" s="317">
        <v>2827402.16</v>
      </c>
      <c r="E24" s="317">
        <v>2812172.93</v>
      </c>
      <c r="F24" s="317">
        <v>321801.21999999997</v>
      </c>
      <c r="G24" s="476">
        <v>2106173.83</v>
      </c>
    </row>
    <row r="25" spans="1:7" ht="10.5" x14ac:dyDescent="0.2">
      <c r="A25" s="126" t="s">
        <v>766</v>
      </c>
      <c r="B25" s="317"/>
      <c r="C25" s="527">
        <v>0</v>
      </c>
      <c r="D25" s="527">
        <v>0</v>
      </c>
      <c r="E25" s="527">
        <v>0</v>
      </c>
      <c r="F25" s="529">
        <v>0</v>
      </c>
      <c r="G25" s="529">
        <v>0</v>
      </c>
    </row>
    <row r="26" spans="1:7" s="218" customFormat="1" ht="10.5" x14ac:dyDescent="0.2">
      <c r="A26" s="126" t="s">
        <v>767</v>
      </c>
      <c r="B26" s="527">
        <v>66021.539999999994</v>
      </c>
      <c r="C26" s="527">
        <v>5174126.4400000004</v>
      </c>
      <c r="D26" s="527">
        <v>2827402.16</v>
      </c>
      <c r="E26" s="527">
        <v>2812172.93</v>
      </c>
      <c r="F26" s="529">
        <v>321801.21999999997</v>
      </c>
      <c r="G26" s="529">
        <v>2106173.83</v>
      </c>
    </row>
    <row r="27" spans="1:7" s="218" customFormat="1" ht="10.5" x14ac:dyDescent="0.2">
      <c r="A27" s="26"/>
      <c r="B27" s="317"/>
      <c r="C27" s="527"/>
      <c r="D27" s="527"/>
      <c r="E27" s="527"/>
      <c r="F27" s="529"/>
      <c r="G27" s="529"/>
    </row>
    <row r="28" spans="1:7" s="66" customFormat="1" ht="10.5" x14ac:dyDescent="0.2">
      <c r="A28" s="227" t="s">
        <v>229</v>
      </c>
      <c r="B28" s="317">
        <v>0</v>
      </c>
      <c r="C28" s="317">
        <v>14399423.979999999</v>
      </c>
      <c r="D28" s="317">
        <v>11015488.699999999</v>
      </c>
      <c r="E28" s="317">
        <v>11014250.91</v>
      </c>
      <c r="F28" s="317">
        <v>373589.84</v>
      </c>
      <c r="G28" s="476">
        <v>3011583.2299999986</v>
      </c>
    </row>
    <row r="29" spans="1:7" s="218" customFormat="1" ht="10.5" x14ac:dyDescent="0.2">
      <c r="A29" s="126" t="s">
        <v>768</v>
      </c>
      <c r="B29" s="527">
        <v>0</v>
      </c>
      <c r="C29" s="527">
        <v>14356092.779999999</v>
      </c>
      <c r="D29" s="527">
        <v>11003027.5</v>
      </c>
      <c r="E29" s="527">
        <v>11001789.710000001</v>
      </c>
      <c r="F29" s="529">
        <v>373271.84</v>
      </c>
      <c r="G29" s="529">
        <v>2981031.2299999986</v>
      </c>
    </row>
    <row r="30" spans="1:7" s="218" customFormat="1" ht="10.5" x14ac:dyDescent="0.2">
      <c r="A30" s="126" t="s">
        <v>769</v>
      </c>
      <c r="B30" s="527">
        <v>0</v>
      </c>
      <c r="C30" s="527">
        <v>43331.199999999997</v>
      </c>
      <c r="D30" s="527">
        <v>12461.2</v>
      </c>
      <c r="E30" s="527">
        <v>12461.2</v>
      </c>
      <c r="F30" s="529">
        <v>318</v>
      </c>
      <c r="G30" s="529">
        <v>30551.999999999996</v>
      </c>
    </row>
    <row r="31" spans="1:7" s="218" customFormat="1" ht="10.5" x14ac:dyDescent="0.2">
      <c r="A31" s="26"/>
      <c r="B31" s="317"/>
      <c r="C31" s="527"/>
      <c r="D31" s="527" t="s">
        <v>887</v>
      </c>
      <c r="E31" s="527"/>
      <c r="F31" s="529"/>
      <c r="G31" s="476"/>
    </row>
    <row r="32" spans="1:7" s="66" customFormat="1" ht="10.5" x14ac:dyDescent="0.2">
      <c r="A32" s="227" t="s">
        <v>101</v>
      </c>
      <c r="B32" s="317">
        <v>0</v>
      </c>
      <c r="C32" s="317">
        <v>15513182.24</v>
      </c>
      <c r="D32" s="317">
        <v>13297355.02</v>
      </c>
      <c r="E32" s="317">
        <v>12469285.48</v>
      </c>
      <c r="F32" s="317">
        <v>3349.17</v>
      </c>
      <c r="G32" s="476">
        <v>3040547.59</v>
      </c>
    </row>
    <row r="33" spans="1:7" s="218" customFormat="1" ht="10.5" x14ac:dyDescent="0.2">
      <c r="A33" s="227"/>
      <c r="B33" s="317"/>
      <c r="C33" s="527"/>
      <c r="D33" s="527"/>
      <c r="E33" s="527"/>
      <c r="F33" s="529"/>
      <c r="G33" s="476"/>
    </row>
    <row r="34" spans="1:7" s="66" customFormat="1" ht="10.5" x14ac:dyDescent="0.2">
      <c r="A34" s="227" t="s">
        <v>760</v>
      </c>
      <c r="B34" s="317">
        <v>0</v>
      </c>
      <c r="C34" s="317">
        <v>15513182.24</v>
      </c>
      <c r="D34" s="317">
        <v>13297355.02</v>
      </c>
      <c r="E34" s="317">
        <v>12469285.48</v>
      </c>
      <c r="F34" s="476">
        <v>3349.17</v>
      </c>
      <c r="G34" s="476">
        <v>3040547.59</v>
      </c>
    </row>
    <row r="35" spans="1:7" s="218" customFormat="1" ht="10.5" x14ac:dyDescent="0.2">
      <c r="A35" s="227"/>
      <c r="B35" s="317"/>
      <c r="C35" s="527"/>
      <c r="D35" s="527"/>
      <c r="E35" s="527"/>
      <c r="F35" s="529"/>
      <c r="G35" s="529"/>
    </row>
    <row r="36" spans="1:7" s="66" customFormat="1" ht="10.5" x14ac:dyDescent="0.2">
      <c r="A36" s="227" t="s">
        <v>761</v>
      </c>
      <c r="B36" s="317">
        <v>0</v>
      </c>
      <c r="C36" s="317">
        <v>0</v>
      </c>
      <c r="D36" s="317">
        <v>0</v>
      </c>
      <c r="E36" s="317">
        <v>0</v>
      </c>
      <c r="F36" s="317">
        <v>0</v>
      </c>
      <c r="G36" s="476">
        <v>0</v>
      </c>
    </row>
    <row r="37" spans="1:7" s="218" customFormat="1" ht="10.5" x14ac:dyDescent="0.2">
      <c r="A37" s="126" t="s">
        <v>762</v>
      </c>
      <c r="B37" s="317"/>
      <c r="C37" s="527"/>
      <c r="D37" s="527"/>
      <c r="E37" s="527"/>
      <c r="F37" s="529"/>
      <c r="G37" s="476">
        <v>0</v>
      </c>
    </row>
    <row r="38" spans="1:7" s="218" customFormat="1" ht="10.5" x14ac:dyDescent="0.2">
      <c r="A38" s="126" t="s">
        <v>763</v>
      </c>
      <c r="B38" s="317"/>
      <c r="C38" s="527"/>
      <c r="D38" s="527"/>
      <c r="E38" s="527"/>
      <c r="F38" s="529"/>
      <c r="G38" s="476">
        <v>0</v>
      </c>
    </row>
    <row r="39" spans="1:7" s="218" customFormat="1" ht="10.5" x14ac:dyDescent="0.2">
      <c r="A39" s="126" t="s">
        <v>764</v>
      </c>
      <c r="B39" s="317"/>
      <c r="C39" s="527"/>
      <c r="D39" s="527"/>
      <c r="E39" s="527"/>
      <c r="F39" s="529"/>
      <c r="G39" s="476">
        <v>0</v>
      </c>
    </row>
    <row r="40" spans="1:7" s="218" customFormat="1" ht="10.5" x14ac:dyDescent="0.2">
      <c r="A40" s="126"/>
      <c r="B40" s="317"/>
      <c r="C40" s="527"/>
      <c r="D40" s="527"/>
      <c r="E40" s="527"/>
      <c r="F40" s="529"/>
      <c r="G40" s="476"/>
    </row>
    <row r="41" spans="1:7" s="66" customFormat="1" ht="10.5" x14ac:dyDescent="0.2">
      <c r="A41" s="227" t="s">
        <v>765</v>
      </c>
      <c r="B41" s="317">
        <v>0</v>
      </c>
      <c r="C41" s="317">
        <v>0</v>
      </c>
      <c r="D41" s="317">
        <v>0</v>
      </c>
      <c r="E41" s="317">
        <v>0</v>
      </c>
      <c r="F41" s="317">
        <v>0</v>
      </c>
      <c r="G41" s="476">
        <v>0</v>
      </c>
    </row>
    <row r="42" spans="1:7" s="218" customFormat="1" ht="10.5" x14ac:dyDescent="0.2">
      <c r="A42" s="126" t="s">
        <v>766</v>
      </c>
      <c r="B42" s="317"/>
      <c r="C42" s="527"/>
      <c r="D42" s="527"/>
      <c r="E42" s="527"/>
      <c r="F42" s="529"/>
      <c r="G42" s="476">
        <v>0</v>
      </c>
    </row>
    <row r="43" spans="1:7" s="218" customFormat="1" ht="10.5" x14ac:dyDescent="0.2">
      <c r="A43" s="126" t="s">
        <v>767</v>
      </c>
      <c r="B43" s="317"/>
      <c r="C43" s="527"/>
      <c r="D43" s="527"/>
      <c r="E43" s="527"/>
      <c r="F43" s="529"/>
      <c r="G43" s="476">
        <v>0</v>
      </c>
    </row>
    <row r="44" spans="1:7" s="218" customFormat="1" ht="10.5" x14ac:dyDescent="0.2">
      <c r="A44" s="126"/>
      <c r="B44" s="317"/>
      <c r="C44" s="527"/>
      <c r="D44" s="527"/>
      <c r="E44" s="527"/>
      <c r="F44" s="529"/>
      <c r="G44" s="476"/>
    </row>
    <row r="45" spans="1:7" s="66" customFormat="1" ht="10.5" x14ac:dyDescent="0.2">
      <c r="A45" s="227" t="s">
        <v>229</v>
      </c>
      <c r="B45" s="317">
        <v>0</v>
      </c>
      <c r="C45" s="317">
        <v>0</v>
      </c>
      <c r="D45" s="317">
        <v>0</v>
      </c>
      <c r="E45" s="317">
        <v>0</v>
      </c>
      <c r="F45" s="317">
        <v>0</v>
      </c>
      <c r="G45" s="476">
        <v>0</v>
      </c>
    </row>
    <row r="46" spans="1:7" s="218" customFormat="1" ht="10.5" x14ac:dyDescent="0.2">
      <c r="A46" s="126" t="s">
        <v>768</v>
      </c>
      <c r="B46" s="527"/>
      <c r="C46" s="527"/>
      <c r="D46" s="527"/>
      <c r="E46" s="527"/>
      <c r="F46" s="529"/>
      <c r="G46" s="476">
        <v>0</v>
      </c>
    </row>
    <row r="47" spans="1:7" ht="15" customHeight="1" x14ac:dyDescent="0.2">
      <c r="A47" s="126" t="s">
        <v>769</v>
      </c>
      <c r="B47" s="527"/>
      <c r="C47" s="527"/>
      <c r="D47" s="527"/>
      <c r="E47" s="527"/>
      <c r="F47" s="529"/>
      <c r="G47" s="476">
        <v>0</v>
      </c>
    </row>
    <row r="48" spans="1:7" ht="15" customHeight="1" x14ac:dyDescent="0.2">
      <c r="A48" s="27" t="s">
        <v>221</v>
      </c>
      <c r="B48" s="434">
        <v>14333847.229999999</v>
      </c>
      <c r="C48" s="434">
        <v>498927099.98000002</v>
      </c>
      <c r="D48" s="360">
        <v>214408094.47</v>
      </c>
      <c r="E48" s="360">
        <v>207978216.02000001</v>
      </c>
      <c r="F48" s="360">
        <v>4164528.8099999996</v>
      </c>
      <c r="G48" s="473">
        <v>301118202.38</v>
      </c>
    </row>
    <row r="49" spans="1:7" ht="10.5" x14ac:dyDescent="0.2">
      <c r="A49" s="65"/>
      <c r="B49" s="299"/>
      <c r="C49" s="1"/>
      <c r="D49" s="204"/>
      <c r="E49" s="204"/>
      <c r="F49" s="1"/>
      <c r="G49" s="111"/>
    </row>
    <row r="50" spans="1:7" ht="30" customHeight="1" x14ac:dyDescent="0.2">
      <c r="A50" s="774" t="s">
        <v>212</v>
      </c>
      <c r="B50" s="788" t="s">
        <v>533</v>
      </c>
      <c r="C50" s="790"/>
      <c r="D50" s="790"/>
      <c r="E50" s="790"/>
      <c r="F50" s="789"/>
      <c r="G50" s="786" t="s">
        <v>452</v>
      </c>
    </row>
    <row r="51" spans="1:7" ht="15" customHeight="1" x14ac:dyDescent="0.2">
      <c r="A51" s="777"/>
      <c r="B51" s="722" t="s">
        <v>211</v>
      </c>
      <c r="C51" s="864"/>
      <c r="D51" s="775" t="s">
        <v>217</v>
      </c>
      <c r="E51" s="775" t="s">
        <v>216</v>
      </c>
      <c r="F51" s="865" t="s">
        <v>426</v>
      </c>
      <c r="G51" s="794"/>
    </row>
    <row r="52" spans="1:7" ht="11.25" customHeight="1" x14ac:dyDescent="0.2">
      <c r="A52" s="777"/>
      <c r="B52" s="208" t="s">
        <v>311</v>
      </c>
      <c r="C52" s="209" t="s">
        <v>213</v>
      </c>
      <c r="D52" s="800"/>
      <c r="E52" s="800"/>
      <c r="F52" s="866"/>
      <c r="G52" s="794"/>
    </row>
    <row r="53" spans="1:7" ht="11.25" customHeight="1" x14ac:dyDescent="0.2">
      <c r="A53" s="777"/>
      <c r="B53" s="212" t="s">
        <v>214</v>
      </c>
      <c r="C53" s="212" t="s">
        <v>215</v>
      </c>
      <c r="D53" s="800"/>
      <c r="E53" s="800"/>
      <c r="F53" s="866" t="s">
        <v>116</v>
      </c>
      <c r="G53" s="794"/>
    </row>
    <row r="54" spans="1:7" ht="11.25" customHeight="1" x14ac:dyDescent="0.2">
      <c r="A54" s="778"/>
      <c r="B54" s="210" t="s">
        <v>218</v>
      </c>
      <c r="C54" s="210">
        <v>2015</v>
      </c>
      <c r="D54" s="776"/>
      <c r="E54" s="776"/>
      <c r="F54" s="867"/>
      <c r="G54" s="787"/>
    </row>
    <row r="55" spans="1:7" s="66" customFormat="1" ht="14.25" customHeight="1" x14ac:dyDescent="0.2">
      <c r="A55" s="219" t="s">
        <v>100</v>
      </c>
      <c r="B55" s="317">
        <v>31519345.219999999</v>
      </c>
      <c r="C55" s="317">
        <v>207791194.78</v>
      </c>
      <c r="D55" s="317">
        <v>151903890.42000002</v>
      </c>
      <c r="E55" s="317">
        <v>432265.64</v>
      </c>
      <c r="F55" s="317">
        <v>86974383.940000013</v>
      </c>
      <c r="G55" s="318">
        <v>385052038.73000002</v>
      </c>
    </row>
    <row r="56" spans="1:7" s="218" customFormat="1" ht="11.25" customHeight="1" x14ac:dyDescent="0.2">
      <c r="A56" s="26"/>
      <c r="B56" s="317"/>
      <c r="C56" s="495"/>
      <c r="D56" s="495"/>
      <c r="E56" s="495"/>
      <c r="F56" s="495"/>
      <c r="G56" s="455"/>
    </row>
    <row r="57" spans="1:7" s="66" customFormat="1" ht="11.25" customHeight="1" x14ac:dyDescent="0.2">
      <c r="A57" s="219" t="s">
        <v>760</v>
      </c>
      <c r="B57" s="317">
        <v>31508651.390000001</v>
      </c>
      <c r="C57" s="501">
        <v>167590925.71000001</v>
      </c>
      <c r="D57" s="501">
        <v>113416813.68000001</v>
      </c>
      <c r="E57" s="501">
        <v>432265.64</v>
      </c>
      <c r="F57" s="419">
        <v>85250497.780000016</v>
      </c>
      <c r="G57" s="318">
        <v>378210395.51000005</v>
      </c>
    </row>
    <row r="58" spans="1:7" s="218" customFormat="1" ht="11.25" customHeight="1" x14ac:dyDescent="0.2">
      <c r="A58" s="26"/>
      <c r="B58" s="317"/>
      <c r="C58" s="495"/>
      <c r="D58" s="495"/>
      <c r="E58" s="495"/>
      <c r="F58" s="495"/>
      <c r="G58" s="455"/>
    </row>
    <row r="59" spans="1:7" s="66" customFormat="1" ht="11.25" customHeight="1" x14ac:dyDescent="0.2">
      <c r="A59" s="227" t="s">
        <v>761</v>
      </c>
      <c r="B59" s="317">
        <v>0</v>
      </c>
      <c r="C59" s="317">
        <v>13672649.220000001</v>
      </c>
      <c r="D59" s="317">
        <v>12317935.220000001</v>
      </c>
      <c r="E59" s="317">
        <v>0</v>
      </c>
      <c r="F59" s="317">
        <v>1354714</v>
      </c>
      <c r="G59" s="318">
        <v>1354714</v>
      </c>
    </row>
    <row r="60" spans="1:7" s="218" customFormat="1" ht="11.25" customHeight="1" x14ac:dyDescent="0.2">
      <c r="A60" s="126" t="s">
        <v>762</v>
      </c>
      <c r="B60" s="317">
        <v>0</v>
      </c>
      <c r="C60" s="495">
        <v>13069717.07</v>
      </c>
      <c r="D60" s="495">
        <v>11715003.07</v>
      </c>
      <c r="E60" s="495">
        <v>0</v>
      </c>
      <c r="F60" s="421">
        <v>1354714</v>
      </c>
      <c r="G60" s="455">
        <v>1354714</v>
      </c>
    </row>
    <row r="61" spans="1:7" s="218" customFormat="1" ht="11.25" customHeight="1" x14ac:dyDescent="0.2">
      <c r="A61" s="126" t="s">
        <v>763</v>
      </c>
      <c r="B61" s="527">
        <v>0</v>
      </c>
      <c r="C61" s="495">
        <v>602932.15</v>
      </c>
      <c r="D61" s="495">
        <v>602932.15</v>
      </c>
      <c r="E61" s="495">
        <v>0</v>
      </c>
      <c r="F61" s="421">
        <v>0</v>
      </c>
      <c r="G61" s="455">
        <v>0</v>
      </c>
    </row>
    <row r="62" spans="1:7" s="218" customFormat="1" ht="11.25" customHeight="1" x14ac:dyDescent="0.2">
      <c r="A62" s="126" t="s">
        <v>764</v>
      </c>
      <c r="B62" s="317">
        <v>0</v>
      </c>
      <c r="C62" s="495">
        <v>0</v>
      </c>
      <c r="D62" s="495">
        <v>0</v>
      </c>
      <c r="E62" s="495">
        <v>0</v>
      </c>
      <c r="F62" s="421">
        <v>0</v>
      </c>
      <c r="G62" s="455">
        <v>0</v>
      </c>
    </row>
    <row r="63" spans="1:7" s="218" customFormat="1" ht="11.25" customHeight="1" x14ac:dyDescent="0.2">
      <c r="A63" s="26"/>
      <c r="B63" s="317"/>
      <c r="C63" s="495"/>
      <c r="D63" s="495"/>
      <c r="E63" s="495"/>
      <c r="F63" s="495"/>
      <c r="G63" s="455"/>
    </row>
    <row r="64" spans="1:7" s="66" customFormat="1" ht="11.25" customHeight="1" x14ac:dyDescent="0.2">
      <c r="A64" s="227" t="s">
        <v>765</v>
      </c>
      <c r="B64" s="317">
        <v>4555.7</v>
      </c>
      <c r="C64" s="317">
        <v>26495802.789999999</v>
      </c>
      <c r="D64" s="317">
        <v>26137324.460000001</v>
      </c>
      <c r="E64" s="317">
        <v>0</v>
      </c>
      <c r="F64" s="317">
        <v>363034.03000000026</v>
      </c>
      <c r="G64" s="318">
        <v>2469207.8600000003</v>
      </c>
    </row>
    <row r="65" spans="1:7" s="218" customFormat="1" ht="11.25" customHeight="1" x14ac:dyDescent="0.2">
      <c r="A65" s="126" t="s">
        <v>766</v>
      </c>
      <c r="B65" s="527">
        <v>22</v>
      </c>
      <c r="C65" s="495">
        <v>20689211.73</v>
      </c>
      <c r="D65" s="495">
        <v>20341691.57</v>
      </c>
      <c r="E65" s="495"/>
      <c r="F65" s="421">
        <v>347542.16000000015</v>
      </c>
      <c r="G65" s="455">
        <v>347542.16000000015</v>
      </c>
    </row>
    <row r="66" spans="1:7" s="218" customFormat="1" ht="11.25" customHeight="1" x14ac:dyDescent="0.2">
      <c r="A66" s="126" t="s">
        <v>767</v>
      </c>
      <c r="B66" s="527">
        <v>4533.7</v>
      </c>
      <c r="C66" s="495">
        <v>5806591.0599999996</v>
      </c>
      <c r="D66" s="495">
        <v>5795632.8899999997</v>
      </c>
      <c r="E66" s="495"/>
      <c r="F66" s="421">
        <v>15491.870000000112</v>
      </c>
      <c r="G66" s="455">
        <v>2121665.7000000002</v>
      </c>
    </row>
    <row r="67" spans="1:7" s="218" customFormat="1" ht="11.25" customHeight="1" x14ac:dyDescent="0.2">
      <c r="A67" s="26"/>
      <c r="B67" s="317"/>
      <c r="C67" s="495"/>
      <c r="D67" s="495"/>
      <c r="E67" s="495"/>
      <c r="F67" s="495"/>
      <c r="G67" s="455"/>
    </row>
    <row r="68" spans="1:7" s="66" customFormat="1" ht="11.25" customHeight="1" x14ac:dyDescent="0.2">
      <c r="A68" s="227" t="s">
        <v>229</v>
      </c>
      <c r="B68" s="317">
        <v>6138.13</v>
      </c>
      <c r="C68" s="317">
        <v>31817.06</v>
      </c>
      <c r="D68" s="317">
        <v>31817.06</v>
      </c>
      <c r="E68" s="317">
        <v>0</v>
      </c>
      <c r="F68" s="317">
        <v>6138.130000000001</v>
      </c>
      <c r="G68" s="318">
        <v>3017721.3599999985</v>
      </c>
    </row>
    <row r="69" spans="1:7" s="218" customFormat="1" ht="11.25" customHeight="1" x14ac:dyDescent="0.2">
      <c r="A69" s="126" t="s">
        <v>768</v>
      </c>
      <c r="B69" s="527">
        <v>6138.13</v>
      </c>
      <c r="C69" s="495">
        <v>31817.06</v>
      </c>
      <c r="D69" s="495">
        <v>31817.06</v>
      </c>
      <c r="E69" s="495">
        <v>0</v>
      </c>
      <c r="F69" s="421">
        <v>6138.130000000001</v>
      </c>
      <c r="G69" s="455">
        <v>2987169.3599999985</v>
      </c>
    </row>
    <row r="70" spans="1:7" s="218" customFormat="1" ht="11.25" customHeight="1" x14ac:dyDescent="0.2">
      <c r="A70" s="126" t="s">
        <v>769</v>
      </c>
      <c r="B70" s="317">
        <v>0</v>
      </c>
      <c r="C70" s="495">
        <v>0</v>
      </c>
      <c r="D70" s="495">
        <v>0</v>
      </c>
      <c r="E70" s="495">
        <v>0</v>
      </c>
      <c r="F70" s="421">
        <v>0</v>
      </c>
      <c r="G70" s="455">
        <v>30551.999999999996</v>
      </c>
    </row>
    <row r="71" spans="1:7" s="218" customFormat="1" ht="11.25" customHeight="1" x14ac:dyDescent="0.2">
      <c r="A71" s="26"/>
      <c r="B71" s="317"/>
      <c r="C71" s="495"/>
      <c r="D71" s="495"/>
      <c r="E71" s="495"/>
      <c r="F71" s="495"/>
      <c r="G71" s="455"/>
    </row>
    <row r="72" spans="1:7" s="66" customFormat="1" ht="11.25" customHeight="1" x14ac:dyDescent="0.2">
      <c r="A72" s="227" t="s">
        <v>101</v>
      </c>
      <c r="B72" s="317">
        <v>1729933.74</v>
      </c>
      <c r="C72" s="317">
        <v>24549922.790000003</v>
      </c>
      <c r="D72" s="317">
        <v>20859309.25</v>
      </c>
      <c r="E72" s="317">
        <v>0</v>
      </c>
      <c r="F72" s="317">
        <v>5420547.2799999993</v>
      </c>
      <c r="G72" s="318">
        <v>8461094.8699999992</v>
      </c>
    </row>
    <row r="73" spans="1:7" s="218" customFormat="1" ht="11.25" customHeight="1" x14ac:dyDescent="0.2">
      <c r="A73" s="227"/>
      <c r="B73" s="317"/>
      <c r="C73" s="495"/>
      <c r="D73" s="495"/>
      <c r="E73" s="495"/>
      <c r="F73" s="495"/>
      <c r="G73" s="668"/>
    </row>
    <row r="74" spans="1:7" s="66" customFormat="1" ht="11.25" customHeight="1" x14ac:dyDescent="0.2">
      <c r="A74" s="227" t="s">
        <v>760</v>
      </c>
      <c r="B74" s="317">
        <v>1729933.74</v>
      </c>
      <c r="C74" s="501">
        <v>16299457.6</v>
      </c>
      <c r="D74" s="501">
        <v>12608844.060000001</v>
      </c>
      <c r="E74" s="501"/>
      <c r="F74" s="501">
        <v>5420547.2799999993</v>
      </c>
      <c r="G74" s="318">
        <v>8461094.8699999992</v>
      </c>
    </row>
    <row r="75" spans="1:7" s="218" customFormat="1" ht="11.25" customHeight="1" x14ac:dyDescent="0.2">
      <c r="A75" s="227"/>
      <c r="B75" s="317"/>
      <c r="C75" s="495"/>
      <c r="D75" s="495"/>
      <c r="E75" s="495"/>
      <c r="F75" s="495"/>
      <c r="G75" s="455"/>
    </row>
    <row r="76" spans="1:7" s="66" customFormat="1" ht="11.25" customHeight="1" x14ac:dyDescent="0.2">
      <c r="A76" s="227" t="s">
        <v>761</v>
      </c>
      <c r="B76" s="317">
        <v>0</v>
      </c>
      <c r="C76" s="317">
        <v>1437581</v>
      </c>
      <c r="D76" s="317">
        <v>1437581</v>
      </c>
      <c r="E76" s="317">
        <v>0</v>
      </c>
      <c r="F76" s="317">
        <v>0</v>
      </c>
      <c r="G76" s="318">
        <v>0</v>
      </c>
    </row>
    <row r="77" spans="1:7" s="218" customFormat="1" ht="11.25" customHeight="1" x14ac:dyDescent="0.2">
      <c r="A77" s="126" t="s">
        <v>762</v>
      </c>
      <c r="B77" s="317">
        <v>0</v>
      </c>
      <c r="C77" s="495">
        <v>1437581</v>
      </c>
      <c r="D77" s="495">
        <v>1437581</v>
      </c>
      <c r="E77" s="495"/>
      <c r="F77" s="421">
        <v>0</v>
      </c>
      <c r="G77" s="318">
        <v>0</v>
      </c>
    </row>
    <row r="78" spans="1:7" s="218" customFormat="1" ht="11.25" customHeight="1" x14ac:dyDescent="0.2">
      <c r="A78" s="126" t="s">
        <v>763</v>
      </c>
      <c r="B78" s="317">
        <v>0</v>
      </c>
      <c r="C78" s="495">
        <v>0</v>
      </c>
      <c r="D78" s="495">
        <v>0</v>
      </c>
      <c r="E78" s="495"/>
      <c r="F78" s="421">
        <v>0</v>
      </c>
      <c r="G78" s="318">
        <v>0</v>
      </c>
    </row>
    <row r="79" spans="1:7" s="218" customFormat="1" ht="11.25" customHeight="1" x14ac:dyDescent="0.2">
      <c r="A79" s="126" t="s">
        <v>764</v>
      </c>
      <c r="B79" s="317">
        <v>0</v>
      </c>
      <c r="C79" s="495">
        <v>0</v>
      </c>
      <c r="D79" s="495"/>
      <c r="E79" s="495"/>
      <c r="F79" s="421">
        <v>0</v>
      </c>
      <c r="G79" s="318">
        <v>0</v>
      </c>
    </row>
    <row r="80" spans="1:7" s="218" customFormat="1" ht="11.25" customHeight="1" x14ac:dyDescent="0.2">
      <c r="A80" s="126"/>
      <c r="B80" s="317"/>
      <c r="C80" s="495"/>
      <c r="D80" s="495"/>
      <c r="E80" s="495"/>
      <c r="F80" s="495"/>
      <c r="G80" s="455"/>
    </row>
    <row r="81" spans="1:7" s="66" customFormat="1" ht="11.25" customHeight="1" x14ac:dyDescent="0.2">
      <c r="A81" s="227" t="s">
        <v>765</v>
      </c>
      <c r="B81" s="317">
        <v>0</v>
      </c>
      <c r="C81" s="317">
        <v>6812884.1900000004</v>
      </c>
      <c r="D81" s="317">
        <v>6812884.1900000004</v>
      </c>
      <c r="E81" s="317">
        <v>0</v>
      </c>
      <c r="F81" s="317">
        <v>0</v>
      </c>
      <c r="G81" s="318">
        <v>0</v>
      </c>
    </row>
    <row r="82" spans="1:7" s="218" customFormat="1" ht="11.25" customHeight="1" x14ac:dyDescent="0.2">
      <c r="A82" s="126" t="s">
        <v>766</v>
      </c>
      <c r="B82" s="317">
        <v>0</v>
      </c>
      <c r="C82" s="495">
        <v>6812884.1900000004</v>
      </c>
      <c r="D82" s="495">
        <v>6812884.1900000004</v>
      </c>
      <c r="E82" s="495"/>
      <c r="F82" s="421">
        <v>0</v>
      </c>
      <c r="G82" s="318">
        <v>0</v>
      </c>
    </row>
    <row r="83" spans="1:7" s="218" customFormat="1" ht="11.25" customHeight="1" x14ac:dyDescent="0.2">
      <c r="A83" s="126" t="s">
        <v>767</v>
      </c>
      <c r="B83" s="317">
        <v>0</v>
      </c>
      <c r="C83" s="495">
        <v>0</v>
      </c>
      <c r="D83" s="495">
        <v>0</v>
      </c>
      <c r="E83" s="495"/>
      <c r="F83" s="421">
        <v>0</v>
      </c>
      <c r="G83" s="318">
        <v>0</v>
      </c>
    </row>
    <row r="84" spans="1:7" s="218" customFormat="1" ht="11.25" customHeight="1" x14ac:dyDescent="0.2">
      <c r="A84" s="126" t="s">
        <v>123</v>
      </c>
      <c r="B84" s="317"/>
      <c r="C84" s="495"/>
      <c r="D84" s="495"/>
      <c r="E84" s="495"/>
      <c r="F84" s="495"/>
      <c r="G84" s="455"/>
    </row>
    <row r="85" spans="1:7" s="66" customFormat="1" ht="11.25" customHeight="1" x14ac:dyDescent="0.2">
      <c r="A85" s="227" t="s">
        <v>229</v>
      </c>
      <c r="B85" s="317">
        <v>0</v>
      </c>
      <c r="C85" s="317">
        <v>0</v>
      </c>
      <c r="D85" s="317">
        <v>0</v>
      </c>
      <c r="E85" s="317">
        <v>0</v>
      </c>
      <c r="F85" s="317">
        <v>0</v>
      </c>
      <c r="G85" s="318">
        <v>0</v>
      </c>
    </row>
    <row r="86" spans="1:7" s="218" customFormat="1" ht="11.25" customHeight="1" x14ac:dyDescent="0.2">
      <c r="A86" s="126" t="s">
        <v>768</v>
      </c>
      <c r="B86" s="317">
        <v>0</v>
      </c>
      <c r="C86" s="495">
        <v>0</v>
      </c>
      <c r="D86" s="495">
        <v>0</v>
      </c>
      <c r="E86" s="495">
        <v>0</v>
      </c>
      <c r="F86" s="421">
        <v>0</v>
      </c>
      <c r="G86" s="455">
        <v>0</v>
      </c>
    </row>
    <row r="87" spans="1:7" s="218" customFormat="1" ht="14.25" customHeight="1" x14ac:dyDescent="0.2">
      <c r="A87" s="126" t="s">
        <v>769</v>
      </c>
      <c r="B87" s="317"/>
      <c r="C87" s="495"/>
      <c r="D87" s="495"/>
      <c r="E87" s="495"/>
      <c r="F87" s="421">
        <v>0</v>
      </c>
      <c r="G87" s="455">
        <v>0</v>
      </c>
    </row>
    <row r="88" spans="1:7" s="66" customFormat="1" ht="15" customHeight="1" x14ac:dyDescent="0.2">
      <c r="A88" s="27" t="s">
        <v>221</v>
      </c>
      <c r="B88" s="434">
        <v>33249278.959999997</v>
      </c>
      <c r="C88" s="434">
        <v>232341117.56999999</v>
      </c>
      <c r="D88" s="434">
        <v>172763199.67000002</v>
      </c>
      <c r="E88" s="434">
        <v>432265.64</v>
      </c>
      <c r="F88" s="434">
        <v>92394931.220000014</v>
      </c>
      <c r="G88" s="434">
        <v>393513133.60000002</v>
      </c>
    </row>
    <row r="89" spans="1:7" ht="11.25" customHeight="1" x14ac:dyDescent="0.2">
      <c r="A89" s="45" t="s">
        <v>846</v>
      </c>
      <c r="G89" s="292"/>
    </row>
    <row r="92" spans="1:7" s="264" customFormat="1" ht="11.25" customHeight="1" x14ac:dyDescent="0.2">
      <c r="A92" s="45"/>
      <c r="B92" s="45"/>
      <c r="C92" s="45"/>
      <c r="D92" s="45"/>
      <c r="E92" s="45"/>
      <c r="F92" s="45"/>
      <c r="G92" s="45"/>
    </row>
    <row r="93" spans="1:7" s="264" customFormat="1" ht="11.25" customHeight="1" x14ac:dyDescent="0.2">
      <c r="A93" s="45"/>
      <c r="B93" s="45"/>
      <c r="C93" s="45"/>
      <c r="D93" s="45"/>
      <c r="E93" s="45"/>
      <c r="F93" s="45"/>
      <c r="G93" s="45"/>
    </row>
    <row r="97" s="45" customFormat="1" ht="11.25" customHeight="1" x14ac:dyDescent="0.2"/>
    <row r="98" s="45" customFormat="1" ht="11.25" customHeight="1" x14ac:dyDescent="0.2"/>
    <row r="99" s="45" customFormat="1" ht="11.25" customHeight="1" x14ac:dyDescent="0.2"/>
    <row r="100" s="45" customFormat="1" ht="11.25" customHeight="1" x14ac:dyDescent="0.2"/>
    <row r="101" s="45" customFormat="1" ht="11.25" customHeight="1" x14ac:dyDescent="0.2"/>
    <row r="102" s="45" customFormat="1" ht="11.25" customHeight="1" x14ac:dyDescent="0.2"/>
    <row r="103"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60" orientation="portrait" r:id="rId1"/>
      <headerFooter alignWithMargins="0"/>
    </customSheetView>
    <customSheetView guid="{82EDB5A4-4824-4632-A540-7A52C92F04C7}" showPageBreaks="1" showGridLines="0" fitToPage="1" printArea="1" topLeftCell="A79">
      <selection activeCell="H98" sqref="H98"/>
      <pageMargins left="0.19685039370078741" right="0.19685039370078741" top="0.59055118110236227" bottom="0.19685039370078741" header="0" footer="0"/>
      <printOptions horizontalCentered="1"/>
      <pageSetup paperSize="9" scale="61" orientation="portrait" r:id="rId2"/>
      <headerFooter alignWithMargins="0"/>
    </customSheetView>
    <customSheetView guid="{3AAF6A5F-F9AA-430B-9AD9-1261ECDF41B5}" showPageBreaks="1" showGridLines="0" fitToPage="1" printArea="1" topLeftCell="A20">
      <selection activeCell="D49" sqref="D49"/>
      <pageMargins left="0.19685039370078741" right="0.19685039370078741" top="0.59055118110236227" bottom="0.19685039370078741" header="0" footer="0"/>
      <printOptions horizontalCentered="1"/>
      <pageSetup paperSize="9" scale="60" orientation="portrait" r:id="rId3"/>
      <headerFooter alignWithMargins="0"/>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4"/>
      <headerFooter alignWithMargins="0">
        <oddFooter>&amp;A</oddFooter>
      </headerFooter>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5"/>
      <headerFooter alignWithMargins="0">
        <oddFooter>&amp;A</oddFooter>
      </headerFooter>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60" orientation="portrait" r:id="rId6"/>
      <headerFooter alignWithMargins="0"/>
    </customSheetView>
    <customSheetView guid="{6DBFA32C-4AA4-4E1D-9A48-697377C64CC3}" showPageBreaks="1" showGridLines="0" fitToPage="1" printArea="1" topLeftCell="A52">
      <selection activeCell="G74" sqref="G74"/>
      <pageMargins left="0.19685039370078741" right="0.19685039370078741" top="0.59055118110236227" bottom="0.19685039370078741" header="0" footer="0"/>
      <printOptions horizontalCentered="1"/>
      <pageSetup paperSize="9" scale="61" orientation="portrait" r:id="rId7"/>
      <headerFooter alignWithMargins="0"/>
    </customSheetView>
    <customSheetView guid="{25EF1E0D-169B-4051-B414-7E1196FC05E4}" showPageBreaks="1" showGridLines="0" fitToPage="1" printArea="1" topLeftCell="A7">
      <selection activeCell="F27" sqref="F27"/>
      <pageMargins left="0.19685039370078741" right="0.19685039370078741" top="0.59055118110236227" bottom="0.19685039370078741" header="0" footer="0"/>
      <printOptions horizontalCentered="1"/>
      <pageSetup paperSize="9" scale="60" orientation="portrait" r:id="rId8"/>
      <headerFooter alignWithMargins="0"/>
    </customSheetView>
  </customSheetViews>
  <mergeCells count="21">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 ref="A3:G3"/>
    <mergeCell ref="A4:G4"/>
    <mergeCell ref="A5:G5"/>
    <mergeCell ref="A6:G6"/>
    <mergeCell ref="A7:G7"/>
  </mergeCells>
  <printOptions horizontalCentered="1"/>
  <pageMargins left="0.19685039370078741" right="0.19685039370078741" top="0.59055118110236227" bottom="0.19685039370078741" header="0" footer="0"/>
  <pageSetup paperSize="9" scale="61" orientation="portrait" r:id="rId9"/>
  <headerFooter alignWithMargins="0"/>
  <drawing r:id="rId1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H197"/>
  <sheetViews>
    <sheetView showGridLines="0" zoomScaleNormal="100" workbookViewId="0"/>
  </sheetViews>
  <sheetFormatPr defaultRowHeight="10.5" x14ac:dyDescent="0.2"/>
  <cols>
    <col min="1" max="1" width="80.7109375" style="274" customWidth="1"/>
    <col min="2" max="2" width="19" style="83" customWidth="1"/>
    <col min="3" max="3" width="19" style="83" bestFit="1" customWidth="1"/>
    <col min="4" max="4" width="19" style="83" customWidth="1"/>
    <col min="5" max="5" width="15.85546875" style="83" customWidth="1"/>
    <col min="6" max="6" width="19" style="83" bestFit="1" customWidth="1"/>
    <col min="7" max="7" width="17.28515625" style="83" bestFit="1" customWidth="1"/>
    <col min="8" max="8" width="16.7109375" style="83" customWidth="1"/>
    <col min="9" max="16384" width="9.140625" style="83"/>
  </cols>
  <sheetData>
    <row r="1" spans="1:8" s="137" customFormat="1" x14ac:dyDescent="0.2">
      <c r="A1" s="439"/>
      <c r="B1" s="134"/>
      <c r="C1" s="134"/>
      <c r="D1" s="134"/>
      <c r="E1" s="134"/>
      <c r="F1" s="134"/>
      <c r="G1" s="134"/>
      <c r="H1" s="134"/>
    </row>
    <row r="2" spans="1:8" s="137" customFormat="1" x14ac:dyDescent="0.2">
      <c r="A2" s="269"/>
      <c r="B2" s="134"/>
      <c r="C2" s="134"/>
      <c r="D2" s="134"/>
      <c r="E2" s="134"/>
      <c r="F2" s="134"/>
    </row>
    <row r="3" spans="1:8" s="141" customFormat="1" x14ac:dyDescent="0.2">
      <c r="A3" s="905" t="s">
        <v>637</v>
      </c>
      <c r="B3" s="905"/>
      <c r="C3" s="905"/>
      <c r="D3" s="905"/>
      <c r="E3" s="905"/>
      <c r="F3" s="905"/>
      <c r="G3" s="905"/>
      <c r="H3" s="905"/>
    </row>
    <row r="4" spans="1:8" s="141" customFormat="1" x14ac:dyDescent="0.2">
      <c r="A4" s="905" t="s">
        <v>104</v>
      </c>
      <c r="B4" s="905"/>
      <c r="C4" s="905"/>
      <c r="D4" s="905"/>
      <c r="E4" s="905"/>
      <c r="F4" s="905"/>
      <c r="G4" s="905"/>
      <c r="H4" s="905"/>
    </row>
    <row r="5" spans="1:8" s="141" customFormat="1" x14ac:dyDescent="0.2">
      <c r="A5" s="905" t="s">
        <v>230</v>
      </c>
      <c r="B5" s="905"/>
      <c r="C5" s="905"/>
      <c r="D5" s="905"/>
      <c r="E5" s="905"/>
      <c r="F5" s="905"/>
      <c r="G5" s="905"/>
      <c r="H5" s="905"/>
    </row>
    <row r="6" spans="1:8" s="141" customFormat="1" x14ac:dyDescent="0.2">
      <c r="A6" s="905" t="s">
        <v>106</v>
      </c>
      <c r="B6" s="905"/>
      <c r="C6" s="905"/>
      <c r="D6" s="905"/>
      <c r="E6" s="905"/>
      <c r="F6" s="905"/>
      <c r="G6" s="905"/>
      <c r="H6" s="905"/>
    </row>
    <row r="7" spans="1:8" s="141" customFormat="1" x14ac:dyDescent="0.2">
      <c r="A7" s="905" t="s">
        <v>888</v>
      </c>
      <c r="B7" s="905"/>
      <c r="C7" s="905"/>
      <c r="D7" s="905"/>
      <c r="E7" s="905"/>
      <c r="F7" s="905"/>
      <c r="G7" s="905"/>
      <c r="H7" s="905"/>
    </row>
    <row r="8" spans="1:8" s="137" customFormat="1" x14ac:dyDescent="0.2">
      <c r="A8" s="270" t="s">
        <v>616</v>
      </c>
      <c r="B8" s="135"/>
      <c r="C8" s="135"/>
      <c r="D8" s="135"/>
      <c r="E8" s="135"/>
      <c r="F8" s="411"/>
      <c r="H8" s="225">
        <v>1</v>
      </c>
    </row>
    <row r="9" spans="1:8" s="224" customFormat="1" x14ac:dyDescent="0.2">
      <c r="A9" s="886" t="s">
        <v>186</v>
      </c>
      <c r="B9" s="886"/>
      <c r="C9" s="886"/>
      <c r="D9" s="886"/>
      <c r="E9" s="886"/>
      <c r="F9" s="886"/>
      <c r="G9" s="886"/>
      <c r="H9" s="886"/>
    </row>
    <row r="10" spans="1:8" s="224" customFormat="1" x14ac:dyDescent="0.15">
      <c r="A10" s="908" t="s">
        <v>842</v>
      </c>
      <c r="B10" s="902" t="s">
        <v>107</v>
      </c>
      <c r="C10" s="903"/>
      <c r="D10" s="902" t="s">
        <v>107</v>
      </c>
      <c r="E10" s="903"/>
      <c r="F10" s="885" t="s">
        <v>108</v>
      </c>
      <c r="G10" s="886"/>
      <c r="H10" s="886"/>
    </row>
    <row r="11" spans="1:8" s="224" customFormat="1" x14ac:dyDescent="0.2">
      <c r="A11" s="909"/>
      <c r="B11" s="866" t="s">
        <v>110</v>
      </c>
      <c r="C11" s="868"/>
      <c r="D11" s="866" t="s">
        <v>111</v>
      </c>
      <c r="E11" s="868"/>
      <c r="F11" s="865" t="s">
        <v>114</v>
      </c>
      <c r="G11" s="884"/>
      <c r="H11" s="221" t="s">
        <v>113</v>
      </c>
    </row>
    <row r="12" spans="1:8" s="224" customFormat="1" x14ac:dyDescent="0.2">
      <c r="A12" s="401" t="s">
        <v>843</v>
      </c>
      <c r="B12" s="867"/>
      <c r="C12" s="869"/>
      <c r="D12" s="906" t="s">
        <v>115</v>
      </c>
      <c r="E12" s="907"/>
      <c r="F12" s="906" t="s">
        <v>116</v>
      </c>
      <c r="G12" s="907"/>
      <c r="H12" s="406" t="s">
        <v>187</v>
      </c>
    </row>
    <row r="13" spans="1:8" s="224" customFormat="1" ht="14.25" customHeight="1" x14ac:dyDescent="0.2">
      <c r="A13" s="240" t="s">
        <v>188</v>
      </c>
      <c r="B13" s="878">
        <v>8815620800</v>
      </c>
      <c r="C13" s="879"/>
      <c r="D13" s="878">
        <v>8929530884.0600014</v>
      </c>
      <c r="E13" s="879"/>
      <c r="F13" s="878">
        <v>4486291644.8699999</v>
      </c>
      <c r="G13" s="879"/>
      <c r="H13" s="541">
        <v>50.241067566924769</v>
      </c>
    </row>
    <row r="14" spans="1:8" s="224" customFormat="1" ht="21" x14ac:dyDescent="0.2">
      <c r="A14" s="232" t="s">
        <v>367</v>
      </c>
      <c r="B14" s="876">
        <v>7779474600</v>
      </c>
      <c r="C14" s="877"/>
      <c r="D14" s="876">
        <v>7779474600</v>
      </c>
      <c r="E14" s="877"/>
      <c r="F14" s="876">
        <v>3639114251.0599999</v>
      </c>
      <c r="G14" s="877"/>
      <c r="H14" s="541">
        <v>46.778406488530727</v>
      </c>
    </row>
    <row r="15" spans="1:8" s="18" customFormat="1" x14ac:dyDescent="0.2">
      <c r="A15" s="271" t="s">
        <v>316</v>
      </c>
      <c r="B15" s="697">
        <v>7655071400</v>
      </c>
      <c r="C15" s="698"/>
      <c r="D15" s="697">
        <v>7655071400</v>
      </c>
      <c r="E15" s="698"/>
      <c r="F15" s="874">
        <v>3583349442.7600002</v>
      </c>
      <c r="G15" s="875"/>
      <c r="H15" s="541">
        <v>46.81013743072338</v>
      </c>
    </row>
    <row r="16" spans="1:8" s="18" customFormat="1" x14ac:dyDescent="0.2">
      <c r="A16" s="271" t="s">
        <v>317</v>
      </c>
      <c r="B16" s="697">
        <v>28506000</v>
      </c>
      <c r="C16" s="698"/>
      <c r="D16" s="697">
        <v>28506000</v>
      </c>
      <c r="E16" s="698"/>
      <c r="F16" s="874">
        <v>17348635.100000001</v>
      </c>
      <c r="G16" s="875"/>
      <c r="H16" s="541">
        <v>60.859591314109316</v>
      </c>
    </row>
    <row r="17" spans="1:8" s="18" customFormat="1" x14ac:dyDescent="0.2">
      <c r="A17" s="271" t="s">
        <v>318</v>
      </c>
      <c r="B17" s="697">
        <v>16137200</v>
      </c>
      <c r="C17" s="698"/>
      <c r="D17" s="697">
        <v>16137200</v>
      </c>
      <c r="E17" s="698"/>
      <c r="F17" s="874">
        <v>3795685.25</v>
      </c>
      <c r="G17" s="875"/>
      <c r="H17" s="541">
        <v>23.521337344768607</v>
      </c>
    </row>
    <row r="18" spans="1:8" s="18" customFormat="1" ht="21" x14ac:dyDescent="0.2">
      <c r="A18" s="271" t="s">
        <v>319</v>
      </c>
      <c r="B18" s="876">
        <v>0</v>
      </c>
      <c r="C18" s="877"/>
      <c r="D18" s="697">
        <v>0</v>
      </c>
      <c r="E18" s="698"/>
      <c r="F18" s="876">
        <v>0</v>
      </c>
      <c r="G18" s="877"/>
      <c r="H18" s="541">
        <v>0</v>
      </c>
    </row>
    <row r="19" spans="1:8" s="18" customFormat="1" x14ac:dyDescent="0.2">
      <c r="A19" s="253" t="s">
        <v>320</v>
      </c>
      <c r="B19" s="709">
        <v>0</v>
      </c>
      <c r="C19" s="710"/>
      <c r="D19" s="697">
        <v>0</v>
      </c>
      <c r="E19" s="698"/>
      <c r="F19" s="876">
        <v>0</v>
      </c>
      <c r="G19" s="877"/>
      <c r="H19" s="541">
        <v>0</v>
      </c>
    </row>
    <row r="20" spans="1:8" s="18" customFormat="1" ht="21" x14ac:dyDescent="0.2">
      <c r="A20" s="253" t="s">
        <v>321</v>
      </c>
      <c r="B20" s="697">
        <v>79760000</v>
      </c>
      <c r="C20" s="698"/>
      <c r="D20" s="697">
        <v>79760000</v>
      </c>
      <c r="E20" s="698"/>
      <c r="F20" s="874">
        <v>34620487.950000003</v>
      </c>
      <c r="G20" s="875"/>
      <c r="H20" s="541">
        <v>43.405827419759277</v>
      </c>
    </row>
    <row r="21" spans="1:8" s="18" customFormat="1" x14ac:dyDescent="0.2">
      <c r="A21" s="14" t="s">
        <v>322</v>
      </c>
      <c r="B21" s="709">
        <v>0</v>
      </c>
      <c r="C21" s="710"/>
      <c r="D21" s="697">
        <v>0</v>
      </c>
      <c r="E21" s="698"/>
      <c r="F21" s="876">
        <v>0</v>
      </c>
      <c r="G21" s="877"/>
      <c r="H21" s="541">
        <v>0</v>
      </c>
    </row>
    <row r="22" spans="1:8" s="224" customFormat="1" ht="21" x14ac:dyDescent="0.2">
      <c r="A22" s="232" t="s">
        <v>323</v>
      </c>
      <c r="B22" s="876">
        <v>115254600</v>
      </c>
      <c r="C22" s="877"/>
      <c r="D22" s="876">
        <v>115254600</v>
      </c>
      <c r="E22" s="877"/>
      <c r="F22" s="876">
        <v>88505329.25</v>
      </c>
      <c r="G22" s="877"/>
      <c r="H22" s="541">
        <v>76.791146947714012</v>
      </c>
    </row>
    <row r="23" spans="1:8" s="18" customFormat="1" x14ac:dyDescent="0.2">
      <c r="A23" s="271" t="s">
        <v>324</v>
      </c>
      <c r="B23" s="874">
        <v>114800000</v>
      </c>
      <c r="C23" s="875"/>
      <c r="D23" s="697">
        <v>114800000</v>
      </c>
      <c r="E23" s="698"/>
      <c r="F23" s="874">
        <v>88172994.680000007</v>
      </c>
      <c r="G23" s="875"/>
      <c r="H23" s="541">
        <v>76.805744494773521</v>
      </c>
    </row>
    <row r="24" spans="1:8" s="18" customFormat="1" x14ac:dyDescent="0.2">
      <c r="A24" s="271" t="s">
        <v>325</v>
      </c>
      <c r="B24" s="874">
        <v>454600</v>
      </c>
      <c r="C24" s="875"/>
      <c r="D24" s="697">
        <v>454600</v>
      </c>
      <c r="E24" s="698"/>
      <c r="F24" s="874">
        <v>332334.57</v>
      </c>
      <c r="G24" s="875"/>
      <c r="H24" s="541">
        <v>73.104832820061588</v>
      </c>
    </row>
    <row r="25" spans="1:8" s="18" customFormat="1" x14ac:dyDescent="0.2">
      <c r="A25" s="271" t="s">
        <v>326</v>
      </c>
      <c r="B25" s="876">
        <v>0</v>
      </c>
      <c r="C25" s="877"/>
      <c r="D25" s="697">
        <v>0</v>
      </c>
      <c r="E25" s="698"/>
      <c r="F25" s="876">
        <v>0</v>
      </c>
      <c r="G25" s="877"/>
      <c r="H25" s="541">
        <v>0</v>
      </c>
    </row>
    <row r="26" spans="1:8" s="18" customFormat="1" ht="21" x14ac:dyDescent="0.2">
      <c r="A26" s="271" t="s">
        <v>327</v>
      </c>
      <c r="B26" s="876">
        <v>0</v>
      </c>
      <c r="C26" s="877"/>
      <c r="D26" s="697">
        <v>0</v>
      </c>
      <c r="E26" s="698"/>
      <c r="F26" s="876">
        <v>0</v>
      </c>
      <c r="G26" s="877"/>
      <c r="H26" s="541">
        <v>0</v>
      </c>
    </row>
    <row r="27" spans="1:8" s="18" customFormat="1" x14ac:dyDescent="0.2">
      <c r="A27" s="256" t="s">
        <v>332</v>
      </c>
      <c r="B27" s="876">
        <v>0</v>
      </c>
      <c r="C27" s="877"/>
      <c r="D27" s="697">
        <v>0</v>
      </c>
      <c r="E27" s="698"/>
      <c r="F27" s="876">
        <v>0</v>
      </c>
      <c r="G27" s="877"/>
      <c r="H27" s="541">
        <v>0</v>
      </c>
    </row>
    <row r="28" spans="1:8" s="224" customFormat="1" ht="21" x14ac:dyDescent="0.2">
      <c r="A28" s="232" t="s">
        <v>336</v>
      </c>
      <c r="B28" s="876">
        <v>332391600</v>
      </c>
      <c r="C28" s="877"/>
      <c r="D28" s="876">
        <v>446301684.06</v>
      </c>
      <c r="E28" s="877"/>
      <c r="F28" s="876">
        <v>439268445.38</v>
      </c>
      <c r="G28" s="877"/>
      <c r="H28" s="541">
        <v>98.424106623121219</v>
      </c>
    </row>
    <row r="29" spans="1:8" s="18" customFormat="1" x14ac:dyDescent="0.2">
      <c r="A29" s="271" t="s">
        <v>328</v>
      </c>
      <c r="B29" s="874">
        <v>317100000</v>
      </c>
      <c r="C29" s="875"/>
      <c r="D29" s="697">
        <v>430331187.93000001</v>
      </c>
      <c r="E29" s="698"/>
      <c r="F29" s="874">
        <v>430331187.93000001</v>
      </c>
      <c r="G29" s="875"/>
      <c r="H29" s="541">
        <v>100</v>
      </c>
    </row>
    <row r="30" spans="1:8" s="18" customFormat="1" x14ac:dyDescent="0.2">
      <c r="A30" s="271" t="s">
        <v>329</v>
      </c>
      <c r="B30" s="874">
        <v>15259400</v>
      </c>
      <c r="C30" s="875"/>
      <c r="D30" s="697">
        <v>15259400</v>
      </c>
      <c r="E30" s="698"/>
      <c r="F30" s="874">
        <v>8226161.3200000003</v>
      </c>
      <c r="G30" s="875"/>
      <c r="H30" s="541">
        <v>53.908812404157437</v>
      </c>
    </row>
    <row r="31" spans="1:8" s="18" customFormat="1" x14ac:dyDescent="0.2">
      <c r="A31" s="271" t="s">
        <v>330</v>
      </c>
      <c r="B31" s="874">
        <v>32200</v>
      </c>
      <c r="C31" s="875"/>
      <c r="D31" s="697">
        <v>711096.13</v>
      </c>
      <c r="E31" s="698"/>
      <c r="F31" s="874">
        <v>711096.13</v>
      </c>
      <c r="G31" s="875"/>
      <c r="H31" s="541">
        <v>100</v>
      </c>
    </row>
    <row r="32" spans="1:8" s="18" customFormat="1" ht="21" x14ac:dyDescent="0.2">
      <c r="A32" s="271" t="s">
        <v>331</v>
      </c>
      <c r="B32" s="876">
        <v>0</v>
      </c>
      <c r="C32" s="877"/>
      <c r="D32" s="697">
        <v>0</v>
      </c>
      <c r="E32" s="698"/>
      <c r="F32" s="876">
        <v>0</v>
      </c>
      <c r="G32" s="877"/>
      <c r="H32" s="541">
        <v>0</v>
      </c>
    </row>
    <row r="33" spans="1:8" s="18" customFormat="1" x14ac:dyDescent="0.2">
      <c r="A33" s="256" t="s">
        <v>333</v>
      </c>
      <c r="B33" s="876">
        <v>0</v>
      </c>
      <c r="C33" s="877"/>
      <c r="D33" s="697">
        <v>0</v>
      </c>
      <c r="E33" s="698"/>
      <c r="F33" s="876">
        <v>0</v>
      </c>
      <c r="G33" s="877"/>
      <c r="H33" s="541">
        <v>0</v>
      </c>
    </row>
    <row r="34" spans="1:8" s="224" customFormat="1" ht="21" x14ac:dyDescent="0.2">
      <c r="A34" s="232" t="s">
        <v>337</v>
      </c>
      <c r="B34" s="876">
        <v>588500000</v>
      </c>
      <c r="C34" s="877"/>
      <c r="D34" s="876">
        <v>588500000</v>
      </c>
      <c r="E34" s="877"/>
      <c r="F34" s="876">
        <v>319403619.18000001</v>
      </c>
      <c r="G34" s="877"/>
      <c r="H34" s="541">
        <v>54.27419187425658</v>
      </c>
    </row>
    <row r="35" spans="1:8" s="18" customFormat="1" x14ac:dyDescent="0.2">
      <c r="A35" s="271" t="s">
        <v>335</v>
      </c>
      <c r="B35" s="874">
        <v>588500000</v>
      </c>
      <c r="C35" s="875"/>
      <c r="D35" s="697">
        <v>588500000</v>
      </c>
      <c r="E35" s="698"/>
      <c r="F35" s="874">
        <v>319403619.18000001</v>
      </c>
      <c r="G35" s="875"/>
      <c r="H35" s="541">
        <v>54.27419187425658</v>
      </c>
    </row>
    <row r="36" spans="1:8" s="18" customFormat="1" x14ac:dyDescent="0.2">
      <c r="A36" s="271" t="s">
        <v>453</v>
      </c>
      <c r="B36" s="876">
        <v>0</v>
      </c>
      <c r="C36" s="877"/>
      <c r="D36" s="697">
        <v>0</v>
      </c>
      <c r="E36" s="698"/>
      <c r="F36" s="876">
        <v>0</v>
      </c>
      <c r="G36" s="877"/>
      <c r="H36" s="541">
        <v>0</v>
      </c>
    </row>
    <row r="37" spans="1:8" s="18" customFormat="1" x14ac:dyDescent="0.2">
      <c r="A37" s="271" t="s">
        <v>454</v>
      </c>
      <c r="B37" s="876">
        <v>0</v>
      </c>
      <c r="C37" s="877"/>
      <c r="D37" s="697">
        <v>0</v>
      </c>
      <c r="E37" s="698"/>
      <c r="F37" s="876">
        <v>0</v>
      </c>
      <c r="G37" s="877"/>
      <c r="H37" s="541">
        <v>0</v>
      </c>
    </row>
    <row r="38" spans="1:8" s="18" customFormat="1" ht="21" x14ac:dyDescent="0.2">
      <c r="A38" s="271" t="s">
        <v>455</v>
      </c>
      <c r="B38" s="876">
        <v>0</v>
      </c>
      <c r="C38" s="877"/>
      <c r="D38" s="697">
        <v>0</v>
      </c>
      <c r="E38" s="698"/>
      <c r="F38" s="876">
        <v>0</v>
      </c>
      <c r="G38" s="877"/>
      <c r="H38" s="541">
        <v>0</v>
      </c>
    </row>
    <row r="39" spans="1:8" s="18" customFormat="1" x14ac:dyDescent="0.2">
      <c r="A39" s="256" t="s">
        <v>334</v>
      </c>
      <c r="B39" s="876">
        <v>0</v>
      </c>
      <c r="C39" s="877"/>
      <c r="D39" s="697">
        <v>0</v>
      </c>
      <c r="E39" s="698"/>
      <c r="F39" s="876">
        <v>0</v>
      </c>
      <c r="G39" s="877"/>
      <c r="H39" s="541">
        <v>0</v>
      </c>
    </row>
    <row r="40" spans="1:8" s="224" customFormat="1" x14ac:dyDescent="0.2">
      <c r="A40" s="232" t="s">
        <v>338</v>
      </c>
      <c r="B40" s="876">
        <v>1301100000</v>
      </c>
      <c r="C40" s="877"/>
      <c r="D40" s="876">
        <v>1301100000</v>
      </c>
      <c r="E40" s="877"/>
      <c r="F40" s="876">
        <v>602610544.98999989</v>
      </c>
      <c r="G40" s="877"/>
      <c r="H40" s="541">
        <v>46.315467296134031</v>
      </c>
    </row>
    <row r="41" spans="1:8" s="18" customFormat="1" x14ac:dyDescent="0.2">
      <c r="A41" s="107" t="s">
        <v>189</v>
      </c>
      <c r="B41" s="874">
        <v>1164100000</v>
      </c>
      <c r="C41" s="875"/>
      <c r="D41" s="697">
        <v>1164100000</v>
      </c>
      <c r="E41" s="698"/>
      <c r="F41" s="874">
        <v>552414780.91999996</v>
      </c>
      <c r="G41" s="875"/>
      <c r="H41" s="541">
        <v>47.454237687483889</v>
      </c>
    </row>
    <row r="42" spans="1:8" s="18" customFormat="1" x14ac:dyDescent="0.2">
      <c r="A42" s="107" t="s">
        <v>190</v>
      </c>
      <c r="B42" s="874">
        <v>18100000</v>
      </c>
      <c r="C42" s="875"/>
      <c r="D42" s="697">
        <v>18100000</v>
      </c>
      <c r="E42" s="698"/>
      <c r="F42" s="874">
        <v>9028378.1400000006</v>
      </c>
      <c r="G42" s="875"/>
      <c r="H42" s="541">
        <v>49.880542209944757</v>
      </c>
    </row>
    <row r="43" spans="1:8" s="18" customFormat="1" x14ac:dyDescent="0.2">
      <c r="A43" s="271" t="s">
        <v>191</v>
      </c>
      <c r="B43" s="874">
        <v>118900000</v>
      </c>
      <c r="C43" s="875"/>
      <c r="D43" s="697">
        <v>118900000</v>
      </c>
      <c r="E43" s="698"/>
      <c r="F43" s="874">
        <v>41167385.93</v>
      </c>
      <c r="G43" s="875"/>
      <c r="H43" s="541">
        <v>34.623537367535747</v>
      </c>
    </row>
    <row r="44" spans="1:8" s="18" customFormat="1" x14ac:dyDescent="0.2">
      <c r="A44" s="271" t="s">
        <v>192</v>
      </c>
      <c r="B44" s="900">
        <v>0</v>
      </c>
      <c r="C44" s="901"/>
      <c r="D44" s="707">
        <v>0</v>
      </c>
      <c r="E44" s="708"/>
      <c r="F44" s="880">
        <v>0</v>
      </c>
      <c r="G44" s="881"/>
      <c r="H44" s="541">
        <v>0</v>
      </c>
    </row>
    <row r="45" spans="1:8" s="230" customFormat="1" ht="15" customHeight="1" x14ac:dyDescent="0.2">
      <c r="A45" s="272" t="s">
        <v>456</v>
      </c>
      <c r="B45" s="872">
        <v>10116720800</v>
      </c>
      <c r="C45" s="873"/>
      <c r="D45" s="872">
        <v>10230630884.060001</v>
      </c>
      <c r="E45" s="873"/>
      <c r="F45" s="872">
        <v>5088902189.8599997</v>
      </c>
      <c r="G45" s="873"/>
      <c r="H45" s="438">
        <v>49.741821863486891</v>
      </c>
    </row>
    <row r="46" spans="1:8" s="224" customFormat="1" x14ac:dyDescent="0.15">
      <c r="A46" s="908" t="s">
        <v>193</v>
      </c>
      <c r="B46" s="902" t="s">
        <v>107</v>
      </c>
      <c r="C46" s="903"/>
      <c r="D46" s="865" t="s">
        <v>107</v>
      </c>
      <c r="E46" s="884"/>
      <c r="F46" s="885" t="s">
        <v>108</v>
      </c>
      <c r="G46" s="886"/>
      <c r="H46" s="886"/>
    </row>
    <row r="47" spans="1:8" s="224" customFormat="1" x14ac:dyDescent="0.2">
      <c r="A47" s="909"/>
      <c r="B47" s="866" t="s">
        <v>110</v>
      </c>
      <c r="C47" s="868"/>
      <c r="D47" s="866" t="s">
        <v>111</v>
      </c>
      <c r="E47" s="868"/>
      <c r="F47" s="865" t="s">
        <v>114</v>
      </c>
      <c r="G47" s="884"/>
      <c r="H47" s="221" t="s">
        <v>113</v>
      </c>
    </row>
    <row r="48" spans="1:8" s="224" customFormat="1" x14ac:dyDescent="0.2">
      <c r="A48" s="912"/>
      <c r="B48" s="867"/>
      <c r="C48" s="869"/>
      <c r="D48" s="867" t="s">
        <v>115</v>
      </c>
      <c r="E48" s="869"/>
      <c r="F48" s="867" t="s">
        <v>116</v>
      </c>
      <c r="G48" s="869"/>
      <c r="H48" s="222" t="s">
        <v>187</v>
      </c>
    </row>
    <row r="49" spans="1:8" s="18" customFormat="1" x14ac:dyDescent="0.2">
      <c r="A49" s="254" t="s">
        <v>457</v>
      </c>
      <c r="B49" s="705">
        <v>1924928650</v>
      </c>
      <c r="C49" s="706"/>
      <c r="D49" s="705">
        <v>1924928650</v>
      </c>
      <c r="E49" s="706"/>
      <c r="F49" s="705">
        <v>901123440.77750003</v>
      </c>
      <c r="G49" s="706"/>
      <c r="H49" s="542">
        <v>46.81334244661484</v>
      </c>
    </row>
    <row r="50" spans="1:8" s="18" customFormat="1" x14ac:dyDescent="0.2">
      <c r="A50" s="254" t="s">
        <v>458</v>
      </c>
      <c r="B50" s="697">
        <v>166195800</v>
      </c>
      <c r="C50" s="698"/>
      <c r="D50" s="697">
        <v>223150842.03</v>
      </c>
      <c r="E50" s="698"/>
      <c r="F50" s="697">
        <v>219634222.69</v>
      </c>
      <c r="G50" s="698"/>
      <c r="H50" s="543">
        <v>98.424106623121219</v>
      </c>
    </row>
    <row r="51" spans="1:8" s="18" customFormat="1" x14ac:dyDescent="0.2">
      <c r="A51" s="635" t="s">
        <v>459</v>
      </c>
      <c r="B51" s="697">
        <v>29725000</v>
      </c>
      <c r="C51" s="698"/>
      <c r="D51" s="697">
        <v>29725000</v>
      </c>
      <c r="E51" s="698"/>
      <c r="F51" s="697">
        <v>10291846.4825</v>
      </c>
      <c r="G51" s="698"/>
      <c r="H51" s="543">
        <v>34.623537367535747</v>
      </c>
    </row>
    <row r="52" spans="1:8" s="18" customFormat="1" x14ac:dyDescent="0.2">
      <c r="A52" s="445" t="s">
        <v>460</v>
      </c>
      <c r="B52" s="880">
        <v>2120849450</v>
      </c>
      <c r="C52" s="881"/>
      <c r="D52" s="880">
        <v>2177804492.0300002</v>
      </c>
      <c r="E52" s="881"/>
      <c r="F52" s="880">
        <v>1131049509.95</v>
      </c>
      <c r="G52" s="881"/>
      <c r="H52" s="544">
        <v>51.935309808077093</v>
      </c>
    </row>
    <row r="53" spans="1:8" s="224" customFormat="1" ht="15" customHeight="1" x14ac:dyDescent="0.2">
      <c r="A53" s="234" t="s">
        <v>461</v>
      </c>
      <c r="B53" s="872">
        <v>7995871350</v>
      </c>
      <c r="C53" s="873"/>
      <c r="D53" s="872">
        <v>8052826392.0300007</v>
      </c>
      <c r="E53" s="873"/>
      <c r="F53" s="872">
        <v>3957852679.9099998</v>
      </c>
      <c r="G53" s="873"/>
      <c r="H53" s="438">
        <v>49.148615495140241</v>
      </c>
    </row>
    <row r="54" spans="1:8" s="224" customFormat="1" x14ac:dyDescent="0.15">
      <c r="A54" s="908" t="s">
        <v>844</v>
      </c>
      <c r="B54" s="902" t="s">
        <v>107</v>
      </c>
      <c r="C54" s="903"/>
      <c r="D54" s="865" t="s">
        <v>107</v>
      </c>
      <c r="E54" s="884"/>
      <c r="F54" s="885" t="s">
        <v>108</v>
      </c>
      <c r="G54" s="886"/>
      <c r="H54" s="886"/>
    </row>
    <row r="55" spans="1:8" s="224" customFormat="1" x14ac:dyDescent="0.2">
      <c r="A55" s="909"/>
      <c r="B55" s="866" t="s">
        <v>110</v>
      </c>
      <c r="C55" s="868"/>
      <c r="D55" s="866" t="s">
        <v>111</v>
      </c>
      <c r="E55" s="868"/>
      <c r="F55" s="865" t="s">
        <v>114</v>
      </c>
      <c r="G55" s="884"/>
      <c r="H55" s="221" t="s">
        <v>113</v>
      </c>
    </row>
    <row r="56" spans="1:8" s="224" customFormat="1" x14ac:dyDescent="0.2">
      <c r="A56" s="912"/>
      <c r="B56" s="867"/>
      <c r="C56" s="869"/>
      <c r="D56" s="867" t="s">
        <v>115</v>
      </c>
      <c r="E56" s="869"/>
      <c r="F56" s="867" t="s">
        <v>116</v>
      </c>
      <c r="G56" s="869"/>
      <c r="H56" s="222" t="s">
        <v>187</v>
      </c>
    </row>
    <row r="57" spans="1:8" s="224" customFormat="1" ht="21" x14ac:dyDescent="0.2">
      <c r="A57" s="260" t="s">
        <v>462</v>
      </c>
      <c r="B57" s="878">
        <v>0</v>
      </c>
      <c r="C57" s="879"/>
      <c r="D57" s="705">
        <v>0</v>
      </c>
      <c r="E57" s="706"/>
      <c r="F57" s="878">
        <v>0</v>
      </c>
      <c r="G57" s="879"/>
      <c r="H57" s="545">
        <v>0</v>
      </c>
    </row>
    <row r="58" spans="1:8" s="224" customFormat="1" x14ac:dyDescent="0.2">
      <c r="A58" s="260" t="s">
        <v>463</v>
      </c>
      <c r="B58" s="709">
        <v>93826500</v>
      </c>
      <c r="C58" s="710"/>
      <c r="D58" s="709">
        <v>102313904.09999999</v>
      </c>
      <c r="E58" s="710"/>
      <c r="F58" s="709">
        <v>38732700.950000003</v>
      </c>
      <c r="G58" s="710"/>
      <c r="H58" s="544">
        <v>37.856732465358057</v>
      </c>
    </row>
    <row r="59" spans="1:8" s="18" customFormat="1" x14ac:dyDescent="0.2">
      <c r="A59" s="254" t="s">
        <v>464</v>
      </c>
      <c r="B59" s="874">
        <v>52127000</v>
      </c>
      <c r="C59" s="875"/>
      <c r="D59" s="697">
        <v>52127000</v>
      </c>
      <c r="E59" s="698"/>
      <c r="F59" s="874">
        <v>25402841.649999999</v>
      </c>
      <c r="G59" s="875"/>
      <c r="H59" s="543">
        <v>48.732598557369499</v>
      </c>
    </row>
    <row r="60" spans="1:8" s="18" customFormat="1" x14ac:dyDescent="0.2">
      <c r="A60" s="254" t="s">
        <v>465</v>
      </c>
      <c r="B60" s="874">
        <v>12500000</v>
      </c>
      <c r="C60" s="875"/>
      <c r="D60" s="697">
        <v>12500000</v>
      </c>
      <c r="E60" s="698"/>
      <c r="F60" s="874">
        <v>1200</v>
      </c>
      <c r="G60" s="875"/>
      <c r="H60" s="543">
        <v>0</v>
      </c>
    </row>
    <row r="61" spans="1:8" s="18" customFormat="1" x14ac:dyDescent="0.2">
      <c r="A61" s="254" t="s">
        <v>466</v>
      </c>
      <c r="B61" s="876">
        <v>0</v>
      </c>
      <c r="C61" s="877"/>
      <c r="D61" s="697">
        <v>7953350.5999999996</v>
      </c>
      <c r="E61" s="698"/>
      <c r="F61" s="874">
        <v>7953350.5999999996</v>
      </c>
      <c r="G61" s="875"/>
      <c r="H61" s="543">
        <v>100</v>
      </c>
    </row>
    <row r="62" spans="1:8" s="18" customFormat="1" x14ac:dyDescent="0.2">
      <c r="A62" s="254" t="s">
        <v>467</v>
      </c>
      <c r="B62" s="876">
        <v>0</v>
      </c>
      <c r="C62" s="877"/>
      <c r="D62" s="697">
        <v>4731.3599999999997</v>
      </c>
      <c r="E62" s="698"/>
      <c r="F62" s="874">
        <v>4731.3599999999997</v>
      </c>
      <c r="G62" s="875"/>
      <c r="H62" s="543">
        <v>100</v>
      </c>
    </row>
    <row r="63" spans="1:8" s="18" customFormat="1" x14ac:dyDescent="0.2">
      <c r="A63" s="254" t="s">
        <v>468</v>
      </c>
      <c r="B63" s="874">
        <v>29199500</v>
      </c>
      <c r="C63" s="875"/>
      <c r="D63" s="697">
        <v>29199500</v>
      </c>
      <c r="E63" s="698"/>
      <c r="F63" s="874">
        <v>4841255.2</v>
      </c>
      <c r="G63" s="875"/>
      <c r="H63" s="543">
        <v>16.579924998715732</v>
      </c>
    </row>
    <row r="64" spans="1:8" s="18" customFormat="1" x14ac:dyDescent="0.2">
      <c r="A64" s="254" t="s">
        <v>469</v>
      </c>
      <c r="B64" s="876">
        <v>0</v>
      </c>
      <c r="C64" s="877"/>
      <c r="D64" s="697">
        <v>529322.14</v>
      </c>
      <c r="E64" s="698"/>
      <c r="F64" s="874">
        <v>529322.14</v>
      </c>
      <c r="G64" s="875"/>
      <c r="H64" s="543">
        <v>100</v>
      </c>
    </row>
    <row r="65" spans="1:8" s="224" customFormat="1" x14ac:dyDescent="0.2">
      <c r="A65" s="260" t="s">
        <v>470</v>
      </c>
      <c r="B65" s="876">
        <v>58148100</v>
      </c>
      <c r="C65" s="877"/>
      <c r="D65" s="876">
        <v>58148100</v>
      </c>
      <c r="E65" s="877"/>
      <c r="F65" s="709">
        <v>4493390.12</v>
      </c>
      <c r="G65" s="710"/>
      <c r="H65" s="544">
        <v>7.727492592191318</v>
      </c>
    </row>
    <row r="66" spans="1:8" s="18" customFormat="1" x14ac:dyDescent="0.2">
      <c r="A66" s="254" t="s">
        <v>471</v>
      </c>
      <c r="B66" s="874">
        <v>58148100</v>
      </c>
      <c r="C66" s="875"/>
      <c r="D66" s="697">
        <v>58148100</v>
      </c>
      <c r="E66" s="698"/>
      <c r="F66" s="874">
        <v>4493390.12</v>
      </c>
      <c r="G66" s="875"/>
      <c r="H66" s="543">
        <v>7.727492592191318</v>
      </c>
    </row>
    <row r="67" spans="1:8" s="18" customFormat="1" x14ac:dyDescent="0.2">
      <c r="A67" s="106" t="s">
        <v>472</v>
      </c>
      <c r="B67" s="876">
        <v>0</v>
      </c>
      <c r="C67" s="877"/>
      <c r="D67" s="697">
        <v>0</v>
      </c>
      <c r="E67" s="698"/>
      <c r="F67" s="876">
        <v>0</v>
      </c>
      <c r="G67" s="877"/>
      <c r="H67" s="544">
        <v>0</v>
      </c>
    </row>
    <row r="68" spans="1:8" s="224" customFormat="1" x14ac:dyDescent="0.2">
      <c r="A68" s="260" t="s">
        <v>473</v>
      </c>
      <c r="B68" s="880">
        <v>0</v>
      </c>
      <c r="C68" s="881"/>
      <c r="D68" s="707">
        <v>0</v>
      </c>
      <c r="E68" s="708"/>
      <c r="F68" s="880">
        <v>0</v>
      </c>
      <c r="G68" s="881"/>
      <c r="H68" s="544">
        <v>0</v>
      </c>
    </row>
    <row r="69" spans="1:8" s="224" customFormat="1" x14ac:dyDescent="0.2">
      <c r="A69" s="235" t="s">
        <v>770</v>
      </c>
      <c r="B69" s="882">
        <v>0</v>
      </c>
      <c r="C69" s="883"/>
      <c r="D69" s="882">
        <v>0</v>
      </c>
      <c r="E69" s="883"/>
      <c r="F69" s="882">
        <v>0</v>
      </c>
      <c r="G69" s="883"/>
      <c r="H69" s="545">
        <v>0</v>
      </c>
    </row>
    <row r="70" spans="1:8" s="224" customFormat="1" ht="21" x14ac:dyDescent="0.2">
      <c r="A70" s="437" t="s">
        <v>794</v>
      </c>
      <c r="B70" s="872">
        <v>151974600</v>
      </c>
      <c r="C70" s="873"/>
      <c r="D70" s="872">
        <v>160462004.09999999</v>
      </c>
      <c r="E70" s="873"/>
      <c r="F70" s="872">
        <v>43226091.07</v>
      </c>
      <c r="G70" s="873"/>
      <c r="H70" s="438">
        <v>26.938521248345797</v>
      </c>
    </row>
    <row r="71" spans="1:8" s="224" customFormat="1" x14ac:dyDescent="0.2">
      <c r="A71" s="886" t="s">
        <v>194</v>
      </c>
      <c r="B71" s="886"/>
      <c r="C71" s="886"/>
      <c r="D71" s="886"/>
      <c r="E71" s="886"/>
      <c r="F71" s="886"/>
      <c r="G71" s="886"/>
      <c r="H71" s="886"/>
    </row>
    <row r="72" spans="1:8" s="224" customFormat="1" x14ac:dyDescent="0.2">
      <c r="A72" s="908" t="s">
        <v>195</v>
      </c>
      <c r="B72" s="865" t="s">
        <v>107</v>
      </c>
      <c r="C72" s="884"/>
      <c r="D72" s="865" t="s">
        <v>107</v>
      </c>
      <c r="E72" s="884"/>
      <c r="F72" s="885" t="s">
        <v>108</v>
      </c>
      <c r="G72" s="886"/>
      <c r="H72" s="886"/>
    </row>
    <row r="73" spans="1:8" s="224" customFormat="1" x14ac:dyDescent="0.2">
      <c r="A73" s="909"/>
      <c r="B73" s="866" t="s">
        <v>110</v>
      </c>
      <c r="C73" s="868"/>
      <c r="D73" s="866" t="s">
        <v>111</v>
      </c>
      <c r="E73" s="868"/>
      <c r="F73" s="865" t="s">
        <v>114</v>
      </c>
      <c r="G73" s="884"/>
      <c r="H73" s="221" t="s">
        <v>113</v>
      </c>
    </row>
    <row r="74" spans="1:8" s="224" customFormat="1" x14ac:dyDescent="0.2">
      <c r="A74" s="912"/>
      <c r="B74" s="867"/>
      <c r="C74" s="869"/>
      <c r="D74" s="867" t="s">
        <v>115</v>
      </c>
      <c r="E74" s="869"/>
      <c r="F74" s="867" t="s">
        <v>116</v>
      </c>
      <c r="G74" s="869"/>
      <c r="H74" s="222" t="s">
        <v>187</v>
      </c>
    </row>
    <row r="75" spans="1:8" s="224" customFormat="1" x14ac:dyDescent="0.2">
      <c r="A75" s="237" t="s">
        <v>474</v>
      </c>
      <c r="B75" s="887">
        <v>1481474270</v>
      </c>
      <c r="C75" s="888"/>
      <c r="D75" s="887">
        <v>1492865278.4059999</v>
      </c>
      <c r="E75" s="888"/>
      <c r="F75" s="711">
        <v>727689812.14600003</v>
      </c>
      <c r="G75" s="712"/>
      <c r="H75" s="506">
        <v>48.744506464976368</v>
      </c>
    </row>
    <row r="76" spans="1:8" s="18" customFormat="1" x14ac:dyDescent="0.2">
      <c r="A76" s="254" t="s">
        <v>475</v>
      </c>
      <c r="B76" s="817">
        <v>1170909190</v>
      </c>
      <c r="C76" s="889"/>
      <c r="D76" s="817">
        <v>1170909190</v>
      </c>
      <c r="E76" s="889"/>
      <c r="F76" s="697">
        <v>547598162.05649996</v>
      </c>
      <c r="G76" s="698"/>
      <c r="H76" s="422">
        <v>46.766919820357714</v>
      </c>
    </row>
    <row r="77" spans="1:8" s="18" customFormat="1" x14ac:dyDescent="0.2">
      <c r="A77" s="254" t="s">
        <v>476</v>
      </c>
      <c r="B77" s="817">
        <v>23050920</v>
      </c>
      <c r="C77" s="889"/>
      <c r="D77" s="817">
        <v>23050920</v>
      </c>
      <c r="E77" s="889"/>
      <c r="F77" s="697">
        <v>17701065.850000001</v>
      </c>
      <c r="G77" s="698"/>
      <c r="H77" s="422">
        <v>76.791146947714026</v>
      </c>
    </row>
    <row r="78" spans="1:8" s="18" customFormat="1" x14ac:dyDescent="0.2">
      <c r="A78" s="254" t="s">
        <v>477</v>
      </c>
      <c r="B78" s="817">
        <v>33239160</v>
      </c>
      <c r="C78" s="889"/>
      <c r="D78" s="817">
        <v>44630168.406000003</v>
      </c>
      <c r="E78" s="889"/>
      <c r="F78" s="697">
        <v>43926844.538000003</v>
      </c>
      <c r="G78" s="698"/>
      <c r="H78" s="422">
        <v>98.424106623121219</v>
      </c>
    </row>
    <row r="79" spans="1:8" s="18" customFormat="1" x14ac:dyDescent="0.2">
      <c r="A79" s="254" t="s">
        <v>478</v>
      </c>
      <c r="B79" s="817">
        <v>232820000</v>
      </c>
      <c r="C79" s="889"/>
      <c r="D79" s="817">
        <v>232820000</v>
      </c>
      <c r="E79" s="889"/>
      <c r="F79" s="697">
        <v>110482956.184</v>
      </c>
      <c r="G79" s="698"/>
      <c r="H79" s="422">
        <v>47.454237687483889</v>
      </c>
    </row>
    <row r="80" spans="1:8" s="18" customFormat="1" x14ac:dyDescent="0.2">
      <c r="A80" s="254" t="s">
        <v>479</v>
      </c>
      <c r="B80" s="817">
        <v>3620000</v>
      </c>
      <c r="C80" s="889"/>
      <c r="D80" s="817">
        <v>3620000</v>
      </c>
      <c r="E80" s="889"/>
      <c r="F80" s="697">
        <v>1805675.6280000003</v>
      </c>
      <c r="G80" s="698"/>
      <c r="H80" s="422">
        <v>49.880542209944757</v>
      </c>
    </row>
    <row r="81" spans="1:8" s="18" customFormat="1" x14ac:dyDescent="0.2">
      <c r="A81" s="254" t="s">
        <v>480</v>
      </c>
      <c r="B81" s="817">
        <v>17835000</v>
      </c>
      <c r="C81" s="889"/>
      <c r="D81" s="817">
        <v>17835000</v>
      </c>
      <c r="E81" s="889"/>
      <c r="F81" s="697">
        <v>6175107.8894999996</v>
      </c>
      <c r="G81" s="698"/>
      <c r="H81" s="422">
        <v>34.623537367535739</v>
      </c>
    </row>
    <row r="82" spans="1:8" s="224" customFormat="1" x14ac:dyDescent="0.2">
      <c r="A82" s="260" t="s">
        <v>481</v>
      </c>
      <c r="B82" s="890">
        <v>922938000</v>
      </c>
      <c r="C82" s="891"/>
      <c r="D82" s="890">
        <v>924622096.41999996</v>
      </c>
      <c r="E82" s="891"/>
      <c r="F82" s="709">
        <v>461332753.12</v>
      </c>
      <c r="G82" s="710"/>
      <c r="H82" s="420">
        <v>49.894195142665545</v>
      </c>
    </row>
    <row r="83" spans="1:8" s="18" customFormat="1" x14ac:dyDescent="0.2">
      <c r="A83" s="254" t="s">
        <v>482</v>
      </c>
      <c r="B83" s="817">
        <v>922938000</v>
      </c>
      <c r="C83" s="889"/>
      <c r="D83" s="697">
        <v>922938000</v>
      </c>
      <c r="E83" s="698"/>
      <c r="F83" s="697">
        <v>459648656.69999999</v>
      </c>
      <c r="G83" s="698"/>
      <c r="H83" s="422">
        <v>49.802766458852055</v>
      </c>
    </row>
    <row r="84" spans="1:8" s="18" customFormat="1" x14ac:dyDescent="0.2">
      <c r="A84" s="254" t="s">
        <v>483</v>
      </c>
      <c r="B84" s="817">
        <v>0</v>
      </c>
      <c r="C84" s="889"/>
      <c r="D84" s="697">
        <v>0</v>
      </c>
      <c r="E84" s="698"/>
      <c r="F84" s="709">
        <v>0</v>
      </c>
      <c r="G84" s="710"/>
      <c r="H84" s="529">
        <v>0</v>
      </c>
    </row>
    <row r="85" spans="1:8" s="18" customFormat="1" x14ac:dyDescent="0.2">
      <c r="A85" s="258" t="s">
        <v>484</v>
      </c>
      <c r="B85" s="707">
        <v>0</v>
      </c>
      <c r="C85" s="708"/>
      <c r="D85" s="707">
        <v>1684096.42</v>
      </c>
      <c r="E85" s="708"/>
      <c r="F85" s="707">
        <v>1684096.42</v>
      </c>
      <c r="G85" s="708"/>
      <c r="H85" s="529">
        <v>100</v>
      </c>
    </row>
    <row r="86" spans="1:8" s="224" customFormat="1" ht="15" customHeight="1" x14ac:dyDescent="0.2">
      <c r="A86" s="234" t="s">
        <v>485</v>
      </c>
      <c r="B86" s="742">
        <v>-558536270</v>
      </c>
      <c r="C86" s="750"/>
      <c r="D86" s="742">
        <v>-569927278.4059999</v>
      </c>
      <c r="E86" s="750"/>
      <c r="F86" s="742">
        <v>-268041155.44600004</v>
      </c>
      <c r="G86" s="750"/>
      <c r="H86" s="438">
        <v>47.030764380268039</v>
      </c>
    </row>
    <row r="87" spans="1:8" s="18" customFormat="1" x14ac:dyDescent="0.2">
      <c r="A87" s="277" t="s">
        <v>431</v>
      </c>
      <c r="B87" s="275"/>
      <c r="C87" s="275"/>
      <c r="D87" s="275"/>
      <c r="E87" s="275"/>
      <c r="F87" s="407"/>
      <c r="H87" s="542"/>
    </row>
    <row r="88" spans="1:8" s="18" customFormat="1" x14ac:dyDescent="0.2">
      <c r="A88" s="102" t="s">
        <v>432</v>
      </c>
      <c r="B88" s="276"/>
      <c r="C88" s="276"/>
      <c r="D88" s="276"/>
      <c r="E88" s="276"/>
      <c r="F88" s="276"/>
      <c r="H88" s="566"/>
    </row>
    <row r="89" spans="1:8" s="224" customFormat="1" x14ac:dyDescent="0.2">
      <c r="A89" s="908" t="s">
        <v>196</v>
      </c>
      <c r="B89" s="78" t="s">
        <v>156</v>
      </c>
      <c r="C89" s="78" t="s">
        <v>156</v>
      </c>
      <c r="D89" s="885" t="s">
        <v>157</v>
      </c>
      <c r="E89" s="886"/>
      <c r="F89" s="885" t="s">
        <v>158</v>
      </c>
      <c r="G89" s="886"/>
      <c r="H89" s="960" t="s">
        <v>771</v>
      </c>
    </row>
    <row r="90" spans="1:8" s="224" customFormat="1" x14ac:dyDescent="0.2">
      <c r="A90" s="909"/>
      <c r="B90" s="870" t="s">
        <v>110</v>
      </c>
      <c r="C90" s="79" t="s">
        <v>111</v>
      </c>
      <c r="D90" s="78" t="s">
        <v>114</v>
      </c>
      <c r="E90" s="221" t="s">
        <v>113</v>
      </c>
      <c r="F90" s="78" t="s">
        <v>114</v>
      </c>
      <c r="G90" s="221" t="s">
        <v>113</v>
      </c>
      <c r="H90" s="961"/>
    </row>
    <row r="91" spans="1:8" s="224" customFormat="1" x14ac:dyDescent="0.2">
      <c r="A91" s="912"/>
      <c r="B91" s="871"/>
      <c r="C91" s="220" t="s">
        <v>161</v>
      </c>
      <c r="D91" s="220" t="s">
        <v>162</v>
      </c>
      <c r="E91" s="222" t="s">
        <v>197</v>
      </c>
      <c r="F91" s="220" t="s">
        <v>163</v>
      </c>
      <c r="G91" s="222" t="s">
        <v>451</v>
      </c>
      <c r="H91" s="239" t="s">
        <v>351</v>
      </c>
    </row>
    <row r="92" spans="1:8" s="224" customFormat="1" x14ac:dyDescent="0.2">
      <c r="A92" s="237" t="s">
        <v>486</v>
      </c>
      <c r="B92" s="546">
        <v>913938000</v>
      </c>
      <c r="C92" s="547">
        <v>913938000</v>
      </c>
      <c r="D92" s="547">
        <v>796741258.14999998</v>
      </c>
      <c r="E92" s="548">
        <v>87.176729510098056</v>
      </c>
      <c r="F92" s="547">
        <v>471195788.63999999</v>
      </c>
      <c r="G92" s="549">
        <v>51.556647019819721</v>
      </c>
      <c r="H92" s="550">
        <v>0</v>
      </c>
    </row>
    <row r="93" spans="1:8" s="18" customFormat="1" x14ac:dyDescent="0.2">
      <c r="A93" s="254" t="s">
        <v>487</v>
      </c>
      <c r="B93" s="551">
        <v>548362800</v>
      </c>
      <c r="C93" s="552">
        <v>548362800</v>
      </c>
      <c r="D93" s="552">
        <v>478044754.88999999</v>
      </c>
      <c r="E93" s="553">
        <v>87.176729510098056</v>
      </c>
      <c r="F93" s="552">
        <v>282717473.18399996</v>
      </c>
      <c r="G93" s="553">
        <v>51.556647019819714</v>
      </c>
      <c r="H93" s="554">
        <v>0</v>
      </c>
    </row>
    <row r="94" spans="1:8" s="18" customFormat="1" x14ac:dyDescent="0.2">
      <c r="A94" s="254" t="s">
        <v>488</v>
      </c>
      <c r="B94" s="551">
        <v>365575200</v>
      </c>
      <c r="C94" s="552">
        <v>365575200</v>
      </c>
      <c r="D94" s="552">
        <v>318696503.25999999</v>
      </c>
      <c r="E94" s="553">
        <v>87.176729510098056</v>
      </c>
      <c r="F94" s="552">
        <v>188478315.456</v>
      </c>
      <c r="G94" s="553">
        <v>51.556647019819721</v>
      </c>
      <c r="H94" s="554">
        <v>0</v>
      </c>
    </row>
    <row r="95" spans="1:8" s="224" customFormat="1" x14ac:dyDescent="0.2">
      <c r="A95" s="260" t="s">
        <v>489</v>
      </c>
      <c r="B95" s="555">
        <v>9000000</v>
      </c>
      <c r="C95" s="556">
        <v>9000000</v>
      </c>
      <c r="D95" s="556">
        <v>8248904.2599999998</v>
      </c>
      <c r="E95" s="548">
        <v>91.654491777777778</v>
      </c>
      <c r="F95" s="556">
        <v>2315063.52</v>
      </c>
      <c r="G95" s="548">
        <v>25.722928</v>
      </c>
      <c r="H95" s="554">
        <v>0</v>
      </c>
    </row>
    <row r="96" spans="1:8" s="18" customFormat="1" x14ac:dyDescent="0.2">
      <c r="A96" s="254" t="s">
        <v>490</v>
      </c>
      <c r="B96" s="551">
        <v>9000000</v>
      </c>
      <c r="C96" s="552">
        <v>9000000</v>
      </c>
      <c r="D96" s="552">
        <v>8248904.2599999998</v>
      </c>
      <c r="E96" s="553">
        <v>91.654491777777778</v>
      </c>
      <c r="F96" s="552">
        <v>2315063.52</v>
      </c>
      <c r="G96" s="553">
        <v>25.722928</v>
      </c>
      <c r="H96" s="554">
        <v>0</v>
      </c>
    </row>
    <row r="97" spans="1:8" s="18" customFormat="1" x14ac:dyDescent="0.2">
      <c r="A97" s="258" t="s">
        <v>491</v>
      </c>
      <c r="B97" s="557">
        <v>0</v>
      </c>
      <c r="C97" s="558">
        <v>0</v>
      </c>
      <c r="D97" s="558">
        <v>0</v>
      </c>
      <c r="E97" s="559">
        <v>0</v>
      </c>
      <c r="F97" s="558">
        <v>0</v>
      </c>
      <c r="G97" s="560">
        <v>0</v>
      </c>
      <c r="H97" s="561">
        <v>0</v>
      </c>
    </row>
    <row r="98" spans="1:8" s="224" customFormat="1" ht="15" customHeight="1" x14ac:dyDescent="0.2">
      <c r="A98" s="234" t="s">
        <v>492</v>
      </c>
      <c r="B98" s="562">
        <v>922938000</v>
      </c>
      <c r="C98" s="562">
        <v>922938000</v>
      </c>
      <c r="D98" s="562">
        <v>804990162.40999997</v>
      </c>
      <c r="E98" s="563">
        <v>87.220394263753349</v>
      </c>
      <c r="F98" s="562">
        <v>473510852.15999997</v>
      </c>
      <c r="G98" s="564">
        <v>51.304730345917058</v>
      </c>
      <c r="H98" s="565">
        <v>0</v>
      </c>
    </row>
    <row r="99" spans="1:8" s="18" customFormat="1" ht="15" customHeight="1" x14ac:dyDescent="0.2">
      <c r="A99" s="886" t="s">
        <v>433</v>
      </c>
      <c r="B99" s="886"/>
      <c r="C99" s="886"/>
      <c r="D99" s="886"/>
      <c r="E99" s="886"/>
      <c r="F99" s="886"/>
      <c r="G99" s="886"/>
      <c r="H99" s="886"/>
    </row>
    <row r="100" spans="1:8" s="224" customFormat="1" x14ac:dyDescent="0.2">
      <c r="A100" s="916" t="s">
        <v>493</v>
      </c>
      <c r="B100" s="916"/>
      <c r="C100" s="916"/>
      <c r="D100" s="916"/>
      <c r="E100" s="916"/>
      <c r="F100" s="917"/>
      <c r="G100" s="878">
        <v>0</v>
      </c>
      <c r="H100" s="915"/>
    </row>
    <row r="101" spans="1:8" s="18" customFormat="1" x14ac:dyDescent="0.2">
      <c r="A101" s="896" t="s">
        <v>494</v>
      </c>
      <c r="B101" s="896"/>
      <c r="C101" s="896"/>
      <c r="D101" s="896"/>
      <c r="E101" s="896"/>
      <c r="F101" s="897"/>
      <c r="G101" s="874">
        <v>0</v>
      </c>
      <c r="H101" s="904"/>
    </row>
    <row r="102" spans="1:8" s="18" customFormat="1" x14ac:dyDescent="0.2">
      <c r="A102" s="896" t="s">
        <v>495</v>
      </c>
      <c r="B102" s="896"/>
      <c r="C102" s="896"/>
      <c r="D102" s="896"/>
      <c r="E102" s="896"/>
      <c r="F102" s="897"/>
      <c r="G102" s="874">
        <v>0</v>
      </c>
      <c r="H102" s="904"/>
    </row>
    <row r="103" spans="1:8" s="224" customFormat="1" x14ac:dyDescent="0.2">
      <c r="A103" s="898" t="s">
        <v>496</v>
      </c>
      <c r="B103" s="898"/>
      <c r="C103" s="898"/>
      <c r="D103" s="898"/>
      <c r="E103" s="898"/>
      <c r="F103" s="899"/>
      <c r="G103" s="874">
        <v>0</v>
      </c>
      <c r="H103" s="904"/>
    </row>
    <row r="104" spans="1:8" s="18" customFormat="1" x14ac:dyDescent="0.2">
      <c r="A104" s="896" t="s">
        <v>497</v>
      </c>
      <c r="B104" s="896"/>
      <c r="C104" s="896"/>
      <c r="D104" s="896"/>
      <c r="E104" s="896"/>
      <c r="F104" s="897"/>
      <c r="G104" s="874">
        <v>0</v>
      </c>
      <c r="H104" s="904"/>
    </row>
    <row r="105" spans="1:8" s="18" customFormat="1" x14ac:dyDescent="0.2">
      <c r="A105" s="964" t="s">
        <v>498</v>
      </c>
      <c r="B105" s="964"/>
      <c r="C105" s="964"/>
      <c r="D105" s="964"/>
      <c r="E105" s="964"/>
      <c r="F105" s="965"/>
      <c r="G105" s="900">
        <v>0</v>
      </c>
      <c r="H105" s="921"/>
    </row>
    <row r="106" spans="1:8" s="224" customFormat="1" ht="15" customHeight="1" x14ac:dyDescent="0.2">
      <c r="A106" s="918" t="s">
        <v>499</v>
      </c>
      <c r="B106" s="918"/>
      <c r="C106" s="918"/>
      <c r="D106" s="918"/>
      <c r="E106" s="918"/>
      <c r="F106" s="919"/>
      <c r="G106" s="872">
        <v>0</v>
      </c>
      <c r="H106" s="920"/>
    </row>
    <row r="107" spans="1:8" s="224" customFormat="1" ht="15" customHeight="1" x14ac:dyDescent="0.2">
      <c r="A107" s="918" t="s">
        <v>434</v>
      </c>
      <c r="B107" s="918"/>
      <c r="C107" s="918"/>
      <c r="D107" s="918"/>
      <c r="E107" s="918"/>
      <c r="F107" s="919"/>
      <c r="G107" s="885" t="s">
        <v>208</v>
      </c>
      <c r="H107" s="886"/>
    </row>
    <row r="108" spans="1:8" s="224" customFormat="1" x14ac:dyDescent="0.2">
      <c r="A108" s="957" t="s">
        <v>500</v>
      </c>
      <c r="B108" s="957"/>
      <c r="C108" s="957"/>
      <c r="D108" s="957"/>
      <c r="E108" s="957"/>
      <c r="F108" s="958"/>
      <c r="G108" s="878">
        <v>473510852.15999997</v>
      </c>
      <c r="H108" s="915"/>
    </row>
    <row r="109" spans="1:8" s="18" customFormat="1" ht="11.25" x14ac:dyDescent="0.2">
      <c r="A109" s="894" t="s">
        <v>636</v>
      </c>
      <c r="B109" s="894"/>
      <c r="C109" s="894"/>
      <c r="D109" s="894"/>
      <c r="E109" s="894"/>
      <c r="F109" s="895"/>
      <c r="G109" s="874">
        <v>102.13794391429963</v>
      </c>
      <c r="H109" s="904"/>
    </row>
    <row r="110" spans="1:8" s="18" customFormat="1" x14ac:dyDescent="0.2">
      <c r="A110" s="894" t="s">
        <v>501</v>
      </c>
      <c r="B110" s="894"/>
      <c r="C110" s="894"/>
      <c r="D110" s="894"/>
      <c r="E110" s="894"/>
      <c r="F110" s="895"/>
      <c r="G110" s="874">
        <v>0.5018207583015063</v>
      </c>
      <c r="H110" s="904"/>
    </row>
    <row r="111" spans="1:8" s="18" customFormat="1" x14ac:dyDescent="0.2">
      <c r="A111" s="892" t="s">
        <v>502</v>
      </c>
      <c r="B111" s="892"/>
      <c r="C111" s="892"/>
      <c r="D111" s="892"/>
      <c r="E111" s="892"/>
      <c r="F111" s="893"/>
      <c r="G111" s="900">
        <v>-2.6397646726011317</v>
      </c>
      <c r="H111" s="921"/>
    </row>
    <row r="112" spans="1:8" s="224" customFormat="1" ht="15" customHeight="1" x14ac:dyDescent="0.2">
      <c r="A112" s="886" t="s">
        <v>340</v>
      </c>
      <c r="B112" s="886"/>
      <c r="C112" s="886"/>
      <c r="D112" s="886"/>
      <c r="E112" s="886"/>
      <c r="F112" s="944"/>
      <c r="G112" s="885" t="s">
        <v>208</v>
      </c>
      <c r="H112" s="886"/>
    </row>
    <row r="113" spans="1:8" s="224" customFormat="1" x14ac:dyDescent="0.2">
      <c r="A113" s="922" t="s">
        <v>802</v>
      </c>
      <c r="B113" s="922"/>
      <c r="C113" s="922"/>
      <c r="D113" s="922"/>
      <c r="E113" s="922"/>
      <c r="F113" s="923"/>
      <c r="G113" s="878">
        <v>0</v>
      </c>
      <c r="H113" s="915"/>
    </row>
    <row r="114" spans="1:8" s="224" customFormat="1" ht="11.25" x14ac:dyDescent="0.2">
      <c r="A114" s="925" t="s">
        <v>803</v>
      </c>
      <c r="B114" s="925"/>
      <c r="C114" s="925"/>
      <c r="D114" s="925"/>
      <c r="E114" s="925"/>
      <c r="F114" s="926"/>
      <c r="G114" s="880">
        <v>0</v>
      </c>
      <c r="H114" s="924"/>
    </row>
    <row r="115" spans="1:8" s="18" customFormat="1" ht="15" customHeight="1" x14ac:dyDescent="0.2">
      <c r="A115" s="886" t="s">
        <v>339</v>
      </c>
      <c r="B115" s="886"/>
      <c r="C115" s="886"/>
      <c r="D115" s="886"/>
      <c r="E115" s="886"/>
      <c r="F115" s="886"/>
      <c r="G115" s="886"/>
      <c r="H115" s="886"/>
    </row>
    <row r="116" spans="1:8" s="224" customFormat="1" x14ac:dyDescent="0.2">
      <c r="A116" s="908" t="s">
        <v>341</v>
      </c>
      <c r="B116" s="865" t="s">
        <v>107</v>
      </c>
      <c r="C116" s="884"/>
      <c r="D116" s="865" t="s">
        <v>107</v>
      </c>
      <c r="E116" s="884"/>
      <c r="F116" s="885" t="s">
        <v>108</v>
      </c>
      <c r="G116" s="886"/>
      <c r="H116" s="886"/>
    </row>
    <row r="117" spans="1:8" s="224" customFormat="1" x14ac:dyDescent="0.2">
      <c r="A117" s="909"/>
      <c r="B117" s="866" t="s">
        <v>110</v>
      </c>
      <c r="C117" s="868"/>
      <c r="D117" s="866" t="s">
        <v>111</v>
      </c>
      <c r="E117" s="868"/>
      <c r="F117" s="865" t="s">
        <v>114</v>
      </c>
      <c r="G117" s="884"/>
      <c r="H117" s="221" t="s">
        <v>113</v>
      </c>
    </row>
    <row r="118" spans="1:8" s="224" customFormat="1" x14ac:dyDescent="0.2">
      <c r="A118" s="912"/>
      <c r="B118" s="867"/>
      <c r="C118" s="869"/>
      <c r="D118" s="867" t="s">
        <v>115</v>
      </c>
      <c r="E118" s="869"/>
      <c r="F118" s="867" t="s">
        <v>116</v>
      </c>
      <c r="G118" s="869"/>
      <c r="H118" s="222" t="s">
        <v>187</v>
      </c>
    </row>
    <row r="119" spans="1:8" s="224" customFormat="1" ht="15" customHeight="1" x14ac:dyDescent="0.2">
      <c r="A119" s="245" t="s">
        <v>772</v>
      </c>
      <c r="B119" s="882">
        <v>1998967837.5</v>
      </c>
      <c r="C119" s="883"/>
      <c r="D119" s="882">
        <v>2013206598.0075002</v>
      </c>
      <c r="E119" s="883"/>
      <c r="F119" s="882">
        <v>989463169.97749996</v>
      </c>
      <c r="G119" s="883"/>
      <c r="H119" s="567">
        <v>49.148615495140241</v>
      </c>
    </row>
    <row r="120" spans="1:8" s="224" customFormat="1" ht="42.75" x14ac:dyDescent="0.2">
      <c r="A120" s="908" t="s">
        <v>342</v>
      </c>
      <c r="B120" s="78" t="s">
        <v>156</v>
      </c>
      <c r="C120" s="78" t="s">
        <v>156</v>
      </c>
      <c r="D120" s="885" t="s">
        <v>157</v>
      </c>
      <c r="E120" s="886"/>
      <c r="F120" s="885" t="s">
        <v>158</v>
      </c>
      <c r="G120" s="886"/>
      <c r="H120" s="243" t="s">
        <v>771</v>
      </c>
    </row>
    <row r="121" spans="1:8" customFormat="1" ht="12.75" x14ac:dyDescent="0.2">
      <c r="A121" s="909"/>
      <c r="B121" s="870" t="s">
        <v>110</v>
      </c>
      <c r="C121" s="79" t="s">
        <v>111</v>
      </c>
      <c r="D121" s="78" t="s">
        <v>114</v>
      </c>
      <c r="E121" s="221" t="s">
        <v>113</v>
      </c>
      <c r="F121" s="78" t="s">
        <v>114</v>
      </c>
      <c r="G121" s="221" t="s">
        <v>113</v>
      </c>
      <c r="H121" s="244"/>
    </row>
    <row r="122" spans="1:8" s="224" customFormat="1" ht="12.75" customHeight="1" x14ac:dyDescent="0.2">
      <c r="A122" s="912"/>
      <c r="B122" s="871"/>
      <c r="C122" s="220" t="s">
        <v>161</v>
      </c>
      <c r="D122" s="220" t="s">
        <v>162</v>
      </c>
      <c r="E122" s="222" t="s">
        <v>197</v>
      </c>
      <c r="F122" s="220" t="s">
        <v>163</v>
      </c>
      <c r="G122" s="222" t="s">
        <v>451</v>
      </c>
      <c r="H122" s="238" t="s">
        <v>351</v>
      </c>
    </row>
    <row r="123" spans="1:8" s="224" customFormat="1" ht="11.25" customHeight="1" x14ac:dyDescent="0.2">
      <c r="A123" s="637" t="s">
        <v>503</v>
      </c>
      <c r="B123" s="546">
        <v>130400</v>
      </c>
      <c r="C123" s="476">
        <v>0</v>
      </c>
      <c r="D123" s="568">
        <v>0</v>
      </c>
      <c r="E123" s="477">
        <v>0</v>
      </c>
      <c r="F123" s="476">
        <v>0</v>
      </c>
      <c r="G123" s="568">
        <v>0</v>
      </c>
      <c r="H123" s="476">
        <v>0</v>
      </c>
    </row>
    <row r="124" spans="1:8" s="18" customFormat="1" ht="11.25" customHeight="1" x14ac:dyDescent="0.2">
      <c r="A124" s="635" t="s">
        <v>504</v>
      </c>
      <c r="B124" s="569">
        <v>130400</v>
      </c>
      <c r="C124" s="529"/>
      <c r="D124" s="317">
        <v>0</v>
      </c>
      <c r="E124" s="477">
        <v>0</v>
      </c>
      <c r="F124" s="476">
        <v>0</v>
      </c>
      <c r="G124" s="317">
        <v>0</v>
      </c>
      <c r="H124" s="476">
        <v>0</v>
      </c>
    </row>
    <row r="125" spans="1:8" customFormat="1" ht="11.25" customHeight="1" x14ac:dyDescent="0.2">
      <c r="A125" s="635" t="s">
        <v>505</v>
      </c>
      <c r="B125" s="569"/>
      <c r="C125" s="476"/>
      <c r="D125" s="317"/>
      <c r="E125" s="477"/>
      <c r="F125" s="476"/>
      <c r="G125" s="317"/>
      <c r="H125" s="476">
        <v>0</v>
      </c>
    </row>
    <row r="126" spans="1:8" s="224" customFormat="1" ht="11.25" customHeight="1" x14ac:dyDescent="0.2">
      <c r="A126" s="638" t="s">
        <v>506</v>
      </c>
      <c r="B126" s="548">
        <v>558535000</v>
      </c>
      <c r="C126" s="476">
        <v>570511506</v>
      </c>
      <c r="D126" s="317">
        <v>498943712.67999995</v>
      </c>
      <c r="E126" s="548">
        <v>87.455503952623175</v>
      </c>
      <c r="F126" s="476">
        <v>297459538.66399992</v>
      </c>
      <c r="G126" s="532">
        <v>52.139095449549075</v>
      </c>
      <c r="H126" s="476">
        <v>0</v>
      </c>
    </row>
    <row r="127" spans="1:8" s="18" customFormat="1" ht="11.25" customHeight="1" x14ac:dyDescent="0.2">
      <c r="A127" s="635" t="s">
        <v>507</v>
      </c>
      <c r="B127" s="569">
        <v>557362800</v>
      </c>
      <c r="C127" s="529">
        <v>557362800</v>
      </c>
      <c r="D127" s="527">
        <v>486293659.14999998</v>
      </c>
      <c r="E127" s="553">
        <v>87.249034049276347</v>
      </c>
      <c r="F127" s="529">
        <v>285032536.70399994</v>
      </c>
      <c r="G127" s="570">
        <v>51.139497774878393</v>
      </c>
      <c r="H127" s="476">
        <v>0</v>
      </c>
    </row>
    <row r="128" spans="1:8" s="18" customFormat="1" ht="11.25" customHeight="1" x14ac:dyDescent="0.2">
      <c r="A128" s="635" t="s">
        <v>508</v>
      </c>
      <c r="B128" s="569">
        <v>1172200</v>
      </c>
      <c r="C128" s="529">
        <v>13148706</v>
      </c>
      <c r="D128" s="527">
        <v>12650053.529999999</v>
      </c>
      <c r="E128" s="553">
        <v>96.207592823202532</v>
      </c>
      <c r="F128" s="529">
        <v>12427001.960000001</v>
      </c>
      <c r="G128" s="570">
        <v>94.511216236791668</v>
      </c>
      <c r="H128" s="476">
        <v>0</v>
      </c>
    </row>
    <row r="129" spans="1:8" s="224" customFormat="1" ht="11.25" customHeight="1" x14ac:dyDescent="0.2">
      <c r="A129" s="638" t="s">
        <v>509</v>
      </c>
      <c r="B129" s="555">
        <v>367092200</v>
      </c>
      <c r="C129" s="476">
        <v>379995140</v>
      </c>
      <c r="D129" s="317">
        <v>332660019.89999998</v>
      </c>
      <c r="E129" s="548">
        <v>87.543230131837987</v>
      </c>
      <c r="F129" s="476">
        <v>202441832.09600002</v>
      </c>
      <c r="G129" s="532">
        <v>53.274847698315305</v>
      </c>
      <c r="H129" s="476">
        <v>0</v>
      </c>
    </row>
    <row r="130" spans="1:8" s="18" customFormat="1" ht="11.25" customHeight="1" x14ac:dyDescent="0.2">
      <c r="A130" s="635" t="s">
        <v>510</v>
      </c>
      <c r="B130" s="569">
        <v>365575200</v>
      </c>
      <c r="C130" s="529">
        <v>365575200</v>
      </c>
      <c r="D130" s="527">
        <v>318696503.25999999</v>
      </c>
      <c r="E130" s="553">
        <v>87.176729510098056</v>
      </c>
      <c r="F130" s="529">
        <v>188478315.456</v>
      </c>
      <c r="G130" s="570">
        <v>51.556647019819721</v>
      </c>
      <c r="H130" s="476">
        <v>0</v>
      </c>
    </row>
    <row r="131" spans="1:8" s="18" customFormat="1" ht="11.25" customHeight="1" x14ac:dyDescent="0.2">
      <c r="A131" s="635" t="s">
        <v>511</v>
      </c>
      <c r="B131" s="569">
        <v>1517000</v>
      </c>
      <c r="C131" s="529">
        <v>14419940</v>
      </c>
      <c r="D131" s="527">
        <v>13963516.640000001</v>
      </c>
      <c r="E131" s="553">
        <v>96.83477628894434</v>
      </c>
      <c r="F131" s="529">
        <v>13963516.640000001</v>
      </c>
      <c r="G131" s="317">
        <v>96.83477628894434</v>
      </c>
      <c r="H131" s="476">
        <v>0</v>
      </c>
    </row>
    <row r="132" spans="1:8" s="224" customFormat="1" ht="11.25" customHeight="1" x14ac:dyDescent="0.2">
      <c r="A132" s="638" t="s">
        <v>512</v>
      </c>
      <c r="B132" s="555">
        <v>30137900</v>
      </c>
      <c r="C132" s="476">
        <v>30137900</v>
      </c>
      <c r="D132" s="317">
        <v>12288817.73</v>
      </c>
      <c r="E132" s="548">
        <v>40.775295325818988</v>
      </c>
      <c r="F132" s="476">
        <v>6700725.3599999994</v>
      </c>
      <c r="G132" s="532">
        <v>22.233550977340823</v>
      </c>
      <c r="H132" s="476">
        <v>0</v>
      </c>
    </row>
    <row r="133" spans="1:8" s="224" customFormat="1" ht="11.25" customHeight="1" x14ac:dyDescent="0.2">
      <c r="A133" s="638" t="s">
        <v>513</v>
      </c>
      <c r="B133" s="555">
        <v>1000000</v>
      </c>
      <c r="C133" s="476">
        <v>346341</v>
      </c>
      <c r="D133" s="317">
        <v>132747.95000000001</v>
      </c>
      <c r="E133" s="548">
        <v>38.328684735564082</v>
      </c>
      <c r="F133" s="476">
        <v>73340.679999999993</v>
      </c>
      <c r="G133" s="317">
        <v>21.17585847474021</v>
      </c>
      <c r="H133" s="476">
        <v>0</v>
      </c>
    </row>
    <row r="134" spans="1:8" s="224" customFormat="1" ht="11.25" customHeight="1" x14ac:dyDescent="0.2">
      <c r="A134" s="663" t="s">
        <v>514</v>
      </c>
      <c r="B134" s="555">
        <v>530341700</v>
      </c>
      <c r="C134" s="476">
        <v>1397683568.79</v>
      </c>
      <c r="D134" s="664">
        <v>1340031102.23</v>
      </c>
      <c r="E134" s="548">
        <v>95.875141709656731</v>
      </c>
      <c r="F134" s="476">
        <v>1065725729.4200001</v>
      </c>
      <c r="G134" s="665">
        <v>76.249428212325498</v>
      </c>
      <c r="H134" s="476">
        <v>0</v>
      </c>
    </row>
    <row r="135" spans="1:8" s="224" customFormat="1" ht="15" customHeight="1" x14ac:dyDescent="0.2">
      <c r="A135" s="234" t="s">
        <v>515</v>
      </c>
      <c r="B135" s="571">
        <v>1487237200</v>
      </c>
      <c r="C135" s="571">
        <v>2378674455.79</v>
      </c>
      <c r="D135" s="571">
        <v>2184056400.4899998</v>
      </c>
      <c r="E135" s="483">
        <v>91.818213928926895</v>
      </c>
      <c r="F135" s="572">
        <v>1572401166.22</v>
      </c>
      <c r="G135" s="360">
        <v>66.104092655158126</v>
      </c>
      <c r="H135" s="474">
        <v>0</v>
      </c>
    </row>
    <row r="136" spans="1:8" s="224" customFormat="1" x14ac:dyDescent="0.2">
      <c r="A136" s="935" t="s">
        <v>343</v>
      </c>
      <c r="B136" s="935"/>
      <c r="C136" s="935"/>
      <c r="D136" s="935"/>
      <c r="E136" s="935"/>
      <c r="F136" s="908"/>
      <c r="G136" s="865" t="s">
        <v>208</v>
      </c>
      <c r="H136" s="947"/>
    </row>
    <row r="137" spans="1:8" s="224" customFormat="1" x14ac:dyDescent="0.2">
      <c r="A137" s="937"/>
      <c r="B137" s="937"/>
      <c r="C137" s="937"/>
      <c r="D137" s="937"/>
      <c r="E137" s="937"/>
      <c r="F137" s="909"/>
      <c r="G137" s="866"/>
      <c r="H137" s="948"/>
    </row>
    <row r="138" spans="1:8" s="224" customFormat="1" x14ac:dyDescent="0.2">
      <c r="A138" s="939"/>
      <c r="B138" s="939"/>
      <c r="C138" s="939"/>
      <c r="D138" s="939"/>
      <c r="E138" s="939"/>
      <c r="F138" s="912"/>
      <c r="G138" s="867"/>
      <c r="H138" s="946"/>
    </row>
    <row r="139" spans="1:8" s="18" customFormat="1" ht="12.75" x14ac:dyDescent="0.2">
      <c r="A139" s="645" t="s">
        <v>516</v>
      </c>
      <c r="B139" s="687"/>
      <c r="C139" s="687"/>
      <c r="D139" s="687"/>
      <c r="E139" s="634"/>
      <c r="F139" s="685"/>
      <c r="G139" s="711">
        <v>-268041155.44600004</v>
      </c>
      <c r="H139" s="911"/>
    </row>
    <row r="140" spans="1:8" s="18" customFormat="1" ht="12.75" x14ac:dyDescent="0.2">
      <c r="A140" s="642" t="s">
        <v>517</v>
      </c>
      <c r="B140" s="688"/>
      <c r="C140" s="642"/>
      <c r="D140" s="642"/>
      <c r="E140" s="632"/>
      <c r="F140" s="686"/>
      <c r="G140" s="709">
        <v>0</v>
      </c>
      <c r="H140" s="931"/>
    </row>
    <row r="141" spans="1:8" s="18" customFormat="1" ht="12.75" x14ac:dyDescent="0.2">
      <c r="A141" s="642" t="s">
        <v>518</v>
      </c>
      <c r="B141" s="642"/>
      <c r="C141" s="642"/>
      <c r="D141" s="642"/>
      <c r="E141" s="632"/>
      <c r="F141" s="641"/>
      <c r="G141" s="709">
        <v>1684096.42</v>
      </c>
      <c r="H141" s="931"/>
    </row>
    <row r="142" spans="1:8" s="18" customFormat="1" ht="12.75" x14ac:dyDescent="0.2">
      <c r="A142" s="642" t="s">
        <v>519</v>
      </c>
      <c r="B142" s="642"/>
      <c r="C142" s="642"/>
      <c r="D142" s="642"/>
      <c r="E142" s="632"/>
      <c r="F142" s="641"/>
      <c r="G142" s="709">
        <v>0</v>
      </c>
      <c r="H142" s="931"/>
    </row>
    <row r="143" spans="1:8" s="18" customFormat="1" ht="12.75" x14ac:dyDescent="0.2">
      <c r="A143" s="642" t="s">
        <v>520</v>
      </c>
      <c r="B143" s="642"/>
      <c r="C143" s="642"/>
      <c r="D143" s="642"/>
      <c r="E143" s="632"/>
      <c r="F143" s="641"/>
      <c r="G143" s="709">
        <v>0</v>
      </c>
      <c r="H143" s="931"/>
    </row>
    <row r="144" spans="1:8" s="18" customFormat="1" ht="12.75" x14ac:dyDescent="0.2">
      <c r="A144" s="642" t="s">
        <v>773</v>
      </c>
      <c r="B144" s="642"/>
      <c r="C144" s="642"/>
      <c r="D144" s="642"/>
      <c r="E144" s="632"/>
      <c r="F144" s="641"/>
      <c r="G144" s="709">
        <v>0</v>
      </c>
      <c r="H144" s="931"/>
    </row>
    <row r="145" spans="1:8" s="18" customFormat="1" ht="12.75" x14ac:dyDescent="0.2">
      <c r="A145" s="643" t="s">
        <v>537</v>
      </c>
      <c r="B145" s="643"/>
      <c r="C145" s="643"/>
      <c r="D145" s="643"/>
      <c r="E145" s="643"/>
      <c r="F145" s="644"/>
      <c r="G145" s="701">
        <v>0</v>
      </c>
      <c r="H145" s="821"/>
    </row>
    <row r="146" spans="1:8" s="18" customFormat="1" ht="15" customHeight="1" x14ac:dyDescent="0.2">
      <c r="A146" s="914" t="s">
        <v>774</v>
      </c>
      <c r="B146" s="914"/>
      <c r="C146" s="914"/>
      <c r="D146" s="914"/>
      <c r="E146" s="261"/>
      <c r="F146" s="272"/>
      <c r="G146" s="742">
        <v>-266357059.02600005</v>
      </c>
      <c r="H146" s="910"/>
    </row>
    <row r="147" spans="1:8" s="18" customFormat="1" ht="15" customHeight="1" x14ac:dyDescent="0.2">
      <c r="A147" s="914" t="s">
        <v>775</v>
      </c>
      <c r="B147" s="914"/>
      <c r="C147" s="914"/>
      <c r="D147" s="914"/>
      <c r="E147" s="261"/>
      <c r="F147" s="272"/>
      <c r="G147" s="742">
        <v>1838758225.2460001</v>
      </c>
      <c r="H147" s="910"/>
    </row>
    <row r="148" spans="1:8" s="18" customFormat="1" ht="6" customHeight="1" x14ac:dyDescent="0.2">
      <c r="A148" s="262"/>
      <c r="B148" s="246"/>
      <c r="C148" s="246"/>
      <c r="D148" s="246"/>
      <c r="E148" s="242"/>
      <c r="F148" s="242"/>
      <c r="G148" s="573"/>
      <c r="H148" s="573"/>
    </row>
    <row r="149" spans="1:8" s="18" customFormat="1" ht="15" customHeight="1" x14ac:dyDescent="0.2">
      <c r="A149" s="233" t="s">
        <v>776</v>
      </c>
      <c r="B149" s="233"/>
      <c r="C149" s="233"/>
      <c r="D149" s="233"/>
      <c r="E149" s="261"/>
      <c r="F149" s="272"/>
      <c r="G149" s="742">
        <v>46.458480745872855</v>
      </c>
      <c r="H149" s="743"/>
    </row>
    <row r="150" spans="1:8" s="18" customFormat="1" ht="6" customHeight="1" x14ac:dyDescent="0.2">
      <c r="A150" s="108"/>
      <c r="B150" s="108"/>
      <c r="C150" s="108"/>
      <c r="D150" s="108"/>
      <c r="E150" s="42"/>
      <c r="F150" s="42"/>
      <c r="G150" s="85"/>
      <c r="H150" s="89"/>
    </row>
    <row r="151" spans="1:8" s="18" customFormat="1" ht="15" customHeight="1" x14ac:dyDescent="0.2">
      <c r="A151" s="946" t="s">
        <v>345</v>
      </c>
      <c r="B151" s="946"/>
      <c r="C151" s="946"/>
      <c r="D151" s="946"/>
      <c r="E151" s="946"/>
      <c r="F151" s="946"/>
      <c r="G151" s="946"/>
      <c r="H151" s="946"/>
    </row>
    <row r="152" spans="1:8" s="224" customFormat="1" ht="42.75" x14ac:dyDescent="0.2">
      <c r="A152" s="908" t="s">
        <v>344</v>
      </c>
      <c r="B152" s="78" t="s">
        <v>156</v>
      </c>
      <c r="C152" s="78" t="s">
        <v>156</v>
      </c>
      <c r="D152" s="885" t="s">
        <v>157</v>
      </c>
      <c r="E152" s="886"/>
      <c r="F152" s="885" t="s">
        <v>158</v>
      </c>
      <c r="G152" s="886"/>
      <c r="H152" s="387" t="s">
        <v>771</v>
      </c>
    </row>
    <row r="153" spans="1:8" s="224" customFormat="1" ht="12.75" customHeight="1" x14ac:dyDescent="0.2">
      <c r="A153" s="909"/>
      <c r="B153" s="870" t="s">
        <v>110</v>
      </c>
      <c r="C153" s="79" t="s">
        <v>111</v>
      </c>
      <c r="D153" s="78" t="s">
        <v>114</v>
      </c>
      <c r="E153" s="221" t="s">
        <v>113</v>
      </c>
      <c r="F153" s="78" t="s">
        <v>114</v>
      </c>
      <c r="G153" s="221" t="s">
        <v>113</v>
      </c>
      <c r="H153" s="962" t="s">
        <v>351</v>
      </c>
    </row>
    <row r="154" spans="1:8" s="654" customFormat="1" x14ac:dyDescent="0.2">
      <c r="A154" s="912"/>
      <c r="B154" s="871"/>
      <c r="C154" s="646" t="s">
        <v>161</v>
      </c>
      <c r="D154" s="646" t="s">
        <v>162</v>
      </c>
      <c r="E154" s="649" t="s">
        <v>197</v>
      </c>
      <c r="F154" s="646" t="s">
        <v>163</v>
      </c>
      <c r="G154" s="649" t="s">
        <v>451</v>
      </c>
      <c r="H154" s="963"/>
    </row>
    <row r="155" spans="1:8" s="224" customFormat="1" ht="21" x14ac:dyDescent="0.2">
      <c r="A155" s="260" t="s">
        <v>777</v>
      </c>
      <c r="B155" s="328">
        <v>0</v>
      </c>
      <c r="C155" s="328">
        <v>0</v>
      </c>
      <c r="D155" s="328">
        <v>0</v>
      </c>
      <c r="E155" s="328">
        <v>0</v>
      </c>
      <c r="F155" s="332">
        <v>0</v>
      </c>
      <c r="G155" s="333">
        <v>0</v>
      </c>
      <c r="H155" s="331">
        <v>0</v>
      </c>
    </row>
    <row r="156" spans="1:8" s="224" customFormat="1" x14ac:dyDescent="0.2">
      <c r="A156" s="638" t="s">
        <v>778</v>
      </c>
      <c r="B156" s="328">
        <v>52127000</v>
      </c>
      <c r="C156" s="328">
        <v>52127000</v>
      </c>
      <c r="D156" s="328">
        <v>40992580.009999998</v>
      </c>
      <c r="E156" s="328">
        <v>78.639821992441526</v>
      </c>
      <c r="F156" s="328">
        <v>18025697.620000001</v>
      </c>
      <c r="G156" s="334">
        <v>34.580347267251135</v>
      </c>
      <c r="H156" s="329">
        <v>0</v>
      </c>
    </row>
    <row r="157" spans="1:8" s="224" customFormat="1" x14ac:dyDescent="0.2">
      <c r="A157" s="638" t="s">
        <v>779</v>
      </c>
      <c r="B157" s="328">
        <v>0</v>
      </c>
      <c r="C157" s="328">
        <v>37008</v>
      </c>
      <c r="D157" s="328">
        <v>37007.78</v>
      </c>
      <c r="E157" s="328">
        <v>0</v>
      </c>
      <c r="F157" s="328">
        <v>37007.78</v>
      </c>
      <c r="G157" s="334">
        <v>0</v>
      </c>
      <c r="H157" s="329">
        <v>0</v>
      </c>
    </row>
    <row r="158" spans="1:8" s="224" customFormat="1" x14ac:dyDescent="0.2">
      <c r="A158" s="636" t="s">
        <v>780</v>
      </c>
      <c r="B158" s="330">
        <v>113584400</v>
      </c>
      <c r="C158" s="330">
        <v>114147900</v>
      </c>
      <c r="D158" s="330">
        <v>45942004.200000003</v>
      </c>
      <c r="E158" s="330">
        <v>40.247787475722291</v>
      </c>
      <c r="F158" s="330">
        <v>21436298.939999998</v>
      </c>
      <c r="G158" s="335">
        <v>18.779407190145413</v>
      </c>
      <c r="H158" s="336"/>
    </row>
    <row r="159" spans="1:8" s="224" customFormat="1" ht="21" x14ac:dyDescent="0.2">
      <c r="A159" s="234" t="s">
        <v>781</v>
      </c>
      <c r="B159" s="337">
        <v>165711400</v>
      </c>
      <c r="C159" s="338">
        <v>166311908</v>
      </c>
      <c r="D159" s="338">
        <v>86971591.99000001</v>
      </c>
      <c r="E159" s="338">
        <v>52.294266259034202</v>
      </c>
      <c r="F159" s="338">
        <v>39499004.340000004</v>
      </c>
      <c r="G159" s="337">
        <v>23.749955619533871</v>
      </c>
      <c r="H159" s="339">
        <v>0</v>
      </c>
    </row>
    <row r="160" spans="1:8" s="224" customFormat="1" ht="15" customHeight="1" x14ac:dyDescent="0.2">
      <c r="A160" s="234" t="s">
        <v>617</v>
      </c>
      <c r="B160" s="340">
        <v>1652948600</v>
      </c>
      <c r="C160" s="340">
        <v>2544986363.79</v>
      </c>
      <c r="D160" s="340">
        <v>2271027992.4799995</v>
      </c>
      <c r="E160" s="338">
        <v>89.23536977612639</v>
      </c>
      <c r="F160" s="310">
        <v>1611900170.5599999</v>
      </c>
      <c r="G160" s="337">
        <v>63.336298908869374</v>
      </c>
      <c r="H160" s="339">
        <v>0</v>
      </c>
    </row>
    <row r="161" spans="1:8" s="224" customFormat="1" x14ac:dyDescent="0.2">
      <c r="A161" s="935" t="s">
        <v>198</v>
      </c>
      <c r="B161" s="935"/>
      <c r="C161" s="865" t="s">
        <v>199</v>
      </c>
      <c r="D161" s="947"/>
      <c r="E161" s="947"/>
      <c r="F161" s="934" t="s">
        <v>879</v>
      </c>
      <c r="G161" s="935"/>
      <c r="H161" s="935"/>
    </row>
    <row r="162" spans="1:8" s="224" customFormat="1" x14ac:dyDescent="0.2">
      <c r="A162" s="937"/>
      <c r="B162" s="937"/>
      <c r="C162" s="866"/>
      <c r="D162" s="948"/>
      <c r="E162" s="948"/>
      <c r="F162" s="936"/>
      <c r="G162" s="937"/>
      <c r="H162" s="937"/>
    </row>
    <row r="163" spans="1:8" s="224" customFormat="1" x14ac:dyDescent="0.2">
      <c r="A163" s="939"/>
      <c r="B163" s="939"/>
      <c r="C163" s="867"/>
      <c r="D163" s="946"/>
      <c r="E163" s="946"/>
      <c r="F163" s="938"/>
      <c r="G163" s="939"/>
      <c r="H163" s="939"/>
    </row>
    <row r="164" spans="1:8" s="224" customFormat="1" x14ac:dyDescent="0.2">
      <c r="A164" s="957" t="s">
        <v>521</v>
      </c>
      <c r="B164" s="957"/>
      <c r="C164" s="932">
        <v>74648585.140000001</v>
      </c>
      <c r="D164" s="933"/>
      <c r="E164" s="959"/>
      <c r="F164" s="932">
        <v>0</v>
      </c>
      <c r="G164" s="933"/>
      <c r="H164" s="933"/>
    </row>
    <row r="165" spans="1:8" s="18" customFormat="1" x14ac:dyDescent="0.2">
      <c r="A165" s="956" t="s">
        <v>522</v>
      </c>
      <c r="B165" s="956"/>
      <c r="C165" s="929">
        <v>25277527.280000001</v>
      </c>
      <c r="D165" s="930"/>
      <c r="E165" s="942"/>
      <c r="F165" s="929">
        <v>0</v>
      </c>
      <c r="G165" s="930"/>
      <c r="H165" s="930"/>
    </row>
    <row r="166" spans="1:8" s="18" customFormat="1" x14ac:dyDescent="0.2">
      <c r="A166" s="913" t="s">
        <v>523</v>
      </c>
      <c r="B166" s="913"/>
      <c r="C166" s="940">
        <v>49371057.859999999</v>
      </c>
      <c r="D166" s="941"/>
      <c r="E166" s="943"/>
      <c r="F166" s="940">
        <v>0</v>
      </c>
      <c r="G166" s="941"/>
      <c r="H166" s="941"/>
    </row>
    <row r="167" spans="1:8" s="18" customFormat="1" ht="6" customHeight="1" x14ac:dyDescent="0.2">
      <c r="A167" s="273"/>
      <c r="B167" s="458"/>
      <c r="C167" s="458"/>
      <c r="D167" s="459"/>
      <c r="E167" s="459"/>
      <c r="F167" s="459"/>
      <c r="G167" s="88"/>
      <c r="H167" s="88"/>
    </row>
    <row r="168" spans="1:8" s="224" customFormat="1" x14ac:dyDescent="0.2">
      <c r="A168" s="954" t="s">
        <v>435</v>
      </c>
      <c r="B168" s="954"/>
      <c r="C168" s="954"/>
      <c r="D168" s="954"/>
      <c r="E168" s="954"/>
      <c r="F168" s="954"/>
      <c r="G168" s="865" t="s">
        <v>208</v>
      </c>
      <c r="H168" s="947"/>
    </row>
    <row r="169" spans="1:8" s="224" customFormat="1" x14ac:dyDescent="0.2">
      <c r="A169" s="955"/>
      <c r="B169" s="955"/>
      <c r="C169" s="955"/>
      <c r="D169" s="955"/>
      <c r="E169" s="955"/>
      <c r="F169" s="955"/>
      <c r="G169" s="867"/>
      <c r="H169" s="946"/>
    </row>
    <row r="170" spans="1:8" s="224" customFormat="1" x14ac:dyDescent="0.2">
      <c r="A170" s="953" t="s">
        <v>877</v>
      </c>
      <c r="B170" s="953"/>
      <c r="C170" s="953"/>
      <c r="D170" s="953"/>
      <c r="E170" s="953"/>
      <c r="F170" s="953"/>
      <c r="G170" s="932">
        <v>53417593.75</v>
      </c>
      <c r="H170" s="933"/>
    </row>
    <row r="171" spans="1:8" s="224" customFormat="1" x14ac:dyDescent="0.2">
      <c r="A171" s="259" t="s">
        <v>524</v>
      </c>
      <c r="B171" s="689"/>
      <c r="C171" s="689"/>
      <c r="D171" s="689"/>
      <c r="E171" s="86"/>
      <c r="F171" s="694"/>
      <c r="G171" s="927">
        <v>459648656.69999999</v>
      </c>
      <c r="H171" s="928"/>
    </row>
    <row r="172" spans="1:8" s="224" customFormat="1" x14ac:dyDescent="0.2">
      <c r="A172" s="259" t="s">
        <v>525</v>
      </c>
      <c r="B172" s="7"/>
      <c r="C172" s="689"/>
      <c r="D172" s="7"/>
      <c r="E172" s="86"/>
      <c r="F172" s="231"/>
      <c r="G172" s="927">
        <v>488837109.80000001</v>
      </c>
      <c r="H172" s="928"/>
    </row>
    <row r="173" spans="1:8" s="18" customFormat="1" x14ac:dyDescent="0.2">
      <c r="A173" s="14" t="s">
        <v>526</v>
      </c>
      <c r="B173" s="14"/>
      <c r="C173" s="14"/>
      <c r="D173" s="14"/>
      <c r="E173" s="83"/>
      <c r="F173" s="82"/>
      <c r="G173" s="929">
        <v>439466051.94</v>
      </c>
      <c r="H173" s="930"/>
    </row>
    <row r="174" spans="1:8" s="18" customFormat="1" x14ac:dyDescent="0.2">
      <c r="A174" s="253" t="s">
        <v>527</v>
      </c>
      <c r="B174" s="14"/>
      <c r="C174" s="14"/>
      <c r="D174" s="14"/>
      <c r="E174" s="83"/>
      <c r="F174" s="82"/>
      <c r="G174" s="929">
        <v>49371057.859999999</v>
      </c>
      <c r="H174" s="930"/>
    </row>
    <row r="175" spans="1:8" s="224" customFormat="1" x14ac:dyDescent="0.2">
      <c r="A175" s="259" t="s">
        <v>528</v>
      </c>
      <c r="B175" s="7"/>
      <c r="C175" s="7"/>
      <c r="D175" s="7"/>
      <c r="E175" s="86"/>
      <c r="F175" s="231"/>
      <c r="G175" s="927">
        <v>1684096.42</v>
      </c>
      <c r="H175" s="928"/>
    </row>
    <row r="176" spans="1:8" s="224" customFormat="1" x14ac:dyDescent="0.2">
      <c r="A176" s="255" t="s">
        <v>529</v>
      </c>
      <c r="B176" s="242"/>
      <c r="C176" s="242"/>
      <c r="D176" s="242"/>
      <c r="E176" s="241"/>
      <c r="F176" s="247"/>
      <c r="G176" s="701">
        <v>25913237.069999978</v>
      </c>
      <c r="H176" s="747"/>
    </row>
    <row r="177" spans="1:8" s="18" customFormat="1" x14ac:dyDescent="0.2">
      <c r="A177" s="45" t="s">
        <v>846</v>
      </c>
      <c r="C177" s="354"/>
      <c r="H177" s="292"/>
    </row>
    <row r="178" spans="1:8" s="18" customFormat="1" x14ac:dyDescent="0.2">
      <c r="A178" s="950" t="s">
        <v>629</v>
      </c>
      <c r="B178" s="951"/>
      <c r="C178" s="951"/>
      <c r="D178" s="951"/>
      <c r="E178" s="951"/>
      <c r="F178" s="951"/>
    </row>
    <row r="179" spans="1:8" s="18" customFormat="1" x14ac:dyDescent="0.2">
      <c r="A179" s="949" t="s">
        <v>630</v>
      </c>
      <c r="B179" s="952"/>
      <c r="C179" s="952"/>
      <c r="D179" s="952"/>
      <c r="E179" s="952"/>
      <c r="F179" s="952"/>
    </row>
    <row r="180" spans="1:8" s="18" customFormat="1" ht="11.25" x14ac:dyDescent="0.2">
      <c r="A180" s="949" t="s">
        <v>631</v>
      </c>
      <c r="B180" s="949"/>
      <c r="C180" s="949"/>
      <c r="D180" s="949"/>
      <c r="E180" s="949"/>
      <c r="F180" s="949"/>
    </row>
    <row r="181" spans="1:8" ht="11.25" x14ac:dyDescent="0.2">
      <c r="A181" s="949" t="s">
        <v>632</v>
      </c>
      <c r="B181" s="949"/>
      <c r="C181" s="949"/>
      <c r="D181" s="949"/>
      <c r="E181" s="949"/>
      <c r="F181" s="949"/>
    </row>
    <row r="182" spans="1:8" ht="11.25" x14ac:dyDescent="0.2">
      <c r="A182" s="949" t="s">
        <v>633</v>
      </c>
      <c r="B182" s="949"/>
      <c r="C182" s="949"/>
      <c r="D182" s="949"/>
      <c r="E182" s="949"/>
      <c r="F182" s="949"/>
    </row>
    <row r="183" spans="1:8" x14ac:dyDescent="0.2">
      <c r="A183" s="945" t="s">
        <v>634</v>
      </c>
      <c r="B183" s="945"/>
      <c r="C183" s="945"/>
      <c r="D183" s="945"/>
      <c r="E183" s="945"/>
      <c r="F183" s="945"/>
      <c r="G183" s="945"/>
      <c r="H183" s="945"/>
    </row>
    <row r="184" spans="1:8" x14ac:dyDescent="0.2">
      <c r="A184" s="945" t="s">
        <v>628</v>
      </c>
      <c r="B184" s="945"/>
      <c r="C184" s="945"/>
    </row>
    <row r="191" spans="1:8" s="45" customFormat="1" x14ac:dyDescent="0.2"/>
    <row r="192" spans="1:8" s="45" customFormat="1" x14ac:dyDescent="0.2"/>
    <row r="193" s="45" customFormat="1" x14ac:dyDescent="0.2"/>
    <row r="194" s="45" customFormat="1" x14ac:dyDescent="0.2"/>
    <row r="195" s="45" customFormat="1" x14ac:dyDescent="0.2"/>
    <row r="196" s="45" customFormat="1" x14ac:dyDescent="0.2"/>
    <row r="197" s="45" customFormat="1" x14ac:dyDescent="0.2"/>
  </sheetData>
  <customSheetViews>
    <customSheetView guid="{C779D862-DE28-46CD-A428-4AAA1056D1E1}" showPageBreaks="1" showGridLines="0" fitToPage="1" printArea="1">
      <pageMargins left="0.19685039370078741" right="0.19685039370078741" top="0.39370078740157483" bottom="0.78740157480314965" header="0" footer="0"/>
      <printOptions horizontalCentered="1"/>
      <pageSetup paperSize="9" scale="48" fitToHeight="2" orientation="portrait" r:id="rId1"/>
      <headerFooter alignWithMargins="0"/>
    </customSheetView>
    <customSheetView guid="{82EDB5A4-4824-4632-A540-7A52C92F04C7}" scale="90" showPageBreaks="1" showGridLines="0" printArea="1" topLeftCell="A151">
      <pane xSplit="1" topLeftCell="B1" activePane="topRight" state="frozen"/>
      <selection pane="topRight" activeCell="G174" sqref="G174:H174"/>
      <pageMargins left="0.19685039370078741" right="0.19685039370078741" top="0.39370078740157483" bottom="0.39370078740157483" header="0" footer="0"/>
      <printOptions horizontalCentered="1"/>
      <pageSetup paperSize="9" scale="65" fitToHeight="2" orientation="landscape" r:id="rId2"/>
      <headerFooter alignWithMargins="0"/>
    </customSheetView>
    <customSheetView guid="{3AAF6A5F-F9AA-430B-9AD9-1261ECDF41B5}" scale="90" showPageBreaks="1" showGridLines="0" fitToPage="1" printArea="1" topLeftCell="A72">
      <selection activeCell="A99" sqref="A99:H99"/>
      <pageMargins left="0.19685039370078741" right="0.19685039370078741" top="0.39370078740157483" bottom="0.59055118110236227" header="0" footer="0"/>
      <printOptions horizontalCentered="1"/>
      <pageSetup paperSize="9" scale="48" fitToHeight="2" orientation="portrait" r:id="rId3"/>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4"/>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5"/>
      <headerFooter alignWithMargins="0"/>
    </customSheetView>
    <customSheetView guid="{B4FED47C-EE37-4843-A570-282D4F8229D4}" showGridLines="0" fitToPage="1">
      <selection activeCell="A8" sqref="A8"/>
      <pageMargins left="0.19685039370078741" right="0.19685039370078741" top="0.39370078740157483" bottom="0.59055118110236227" header="0" footer="0"/>
      <printOptions horizontalCentered="1"/>
      <pageSetup paperSize="9" scale="48" fitToHeight="2" orientation="portrait" r:id="rId6"/>
      <headerFooter alignWithMargins="0"/>
    </customSheetView>
    <customSheetView guid="{6DBFA32C-4AA4-4E1D-9A48-697377C64CC3}" scale="90" showPageBreaks="1" showGridLines="0" fitToPage="1" printArea="1" topLeftCell="A155">
      <selection activeCell="G174" sqref="G174:H174"/>
      <pageMargins left="0.19685039370078741" right="0.19685039370078741" top="0.39370078740157483" bottom="0.59055118110236227" header="0" footer="0"/>
      <printOptions horizontalCentered="1"/>
      <pageSetup paperSize="9" scale="49" fitToHeight="2" orientation="portrait" r:id="rId7"/>
      <headerFooter alignWithMargins="0"/>
    </customSheetView>
    <customSheetView guid="{25EF1E0D-169B-4051-B414-7E1196FC05E4}" showPageBreaks="1" showGridLines="0" fitToPage="1" printArea="1" topLeftCell="A161">
      <selection activeCell="C165" sqref="C165:E165"/>
      <pageMargins left="0.19685039370078741" right="0.19685039370078741" top="0.39370078740157483" bottom="0.59055118110236227" header="0" footer="0"/>
      <printOptions horizontalCentered="1"/>
      <pageSetup paperSize="9" scale="48" fitToHeight="2" orientation="portrait" r:id="rId8"/>
      <headerFooter alignWithMargins="0"/>
    </customSheetView>
  </customSheetViews>
  <mergeCells count="337">
    <mergeCell ref="A72:A74"/>
    <mergeCell ref="H153:H154"/>
    <mergeCell ref="F119:G119"/>
    <mergeCell ref="A107:F107"/>
    <mergeCell ref="F116:H116"/>
    <mergeCell ref="G107:H107"/>
    <mergeCell ref="G111:H111"/>
    <mergeCell ref="D89:E89"/>
    <mergeCell ref="F89:G89"/>
    <mergeCell ref="A105:F105"/>
    <mergeCell ref="A89:A91"/>
    <mergeCell ref="G102:H102"/>
    <mergeCell ref="D75:E75"/>
    <mergeCell ref="D76:E76"/>
    <mergeCell ref="D77:E77"/>
    <mergeCell ref="G110:H110"/>
    <mergeCell ref="G109:H109"/>
    <mergeCell ref="F120:G120"/>
    <mergeCell ref="A54:A56"/>
    <mergeCell ref="A46:A48"/>
    <mergeCell ref="A116:A118"/>
    <mergeCell ref="A120:A122"/>
    <mergeCell ref="A136:F138"/>
    <mergeCell ref="G136:H138"/>
    <mergeCell ref="A99:H99"/>
    <mergeCell ref="D72:E72"/>
    <mergeCell ref="F72:H72"/>
    <mergeCell ref="A71:H71"/>
    <mergeCell ref="D73:E73"/>
    <mergeCell ref="F73:G73"/>
    <mergeCell ref="H89:H90"/>
    <mergeCell ref="F54:H54"/>
    <mergeCell ref="D74:E74"/>
    <mergeCell ref="F74:G74"/>
    <mergeCell ref="F55:G55"/>
    <mergeCell ref="D56:E56"/>
    <mergeCell ref="F56:G56"/>
    <mergeCell ref="B72:C72"/>
    <mergeCell ref="B54:C54"/>
    <mergeCell ref="D62:E62"/>
    <mergeCell ref="D63:E63"/>
    <mergeCell ref="D64:E64"/>
    <mergeCell ref="A184:C184"/>
    <mergeCell ref="A183:H183"/>
    <mergeCell ref="A151:H151"/>
    <mergeCell ref="C161:E163"/>
    <mergeCell ref="A104:F104"/>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G176:H176"/>
    <mergeCell ref="C164:E164"/>
    <mergeCell ref="F164:H164"/>
    <mergeCell ref="F165:H165"/>
    <mergeCell ref="A181:F181"/>
    <mergeCell ref="G174:H174"/>
    <mergeCell ref="G175:H175"/>
    <mergeCell ref="D65:E65"/>
    <mergeCell ref="D57:E57"/>
    <mergeCell ref="B62:C62"/>
    <mergeCell ref="B63:C63"/>
    <mergeCell ref="B64:C64"/>
    <mergeCell ref="B65:C65"/>
    <mergeCell ref="G171:H171"/>
    <mergeCell ref="G172:H172"/>
    <mergeCell ref="G173:H173"/>
    <mergeCell ref="G140:H140"/>
    <mergeCell ref="G141:H141"/>
    <mergeCell ref="G142:H142"/>
    <mergeCell ref="G143:H143"/>
    <mergeCell ref="G144:H144"/>
    <mergeCell ref="G145:H145"/>
    <mergeCell ref="G170:H170"/>
    <mergeCell ref="F161:H163"/>
    <mergeCell ref="F166:H166"/>
    <mergeCell ref="C165:E165"/>
    <mergeCell ref="C166:E166"/>
    <mergeCell ref="A161:B163"/>
    <mergeCell ref="A112:F112"/>
    <mergeCell ref="D120:E120"/>
    <mergeCell ref="D117:E117"/>
    <mergeCell ref="D118:E118"/>
    <mergeCell ref="F117:G117"/>
    <mergeCell ref="A113:F113"/>
    <mergeCell ref="A115:H115"/>
    <mergeCell ref="G112:H112"/>
    <mergeCell ref="G114:H114"/>
    <mergeCell ref="A114:F114"/>
    <mergeCell ref="B119:C119"/>
    <mergeCell ref="G149:H149"/>
    <mergeCell ref="G147:H147"/>
    <mergeCell ref="G146:H146"/>
    <mergeCell ref="G139:H139"/>
    <mergeCell ref="F118:G118"/>
    <mergeCell ref="A152:A154"/>
    <mergeCell ref="A166:B166"/>
    <mergeCell ref="F81:G81"/>
    <mergeCell ref="B80:C80"/>
    <mergeCell ref="A146:D146"/>
    <mergeCell ref="A147:D147"/>
    <mergeCell ref="G101:H101"/>
    <mergeCell ref="G100:H100"/>
    <mergeCell ref="G103:H103"/>
    <mergeCell ref="A100:F100"/>
    <mergeCell ref="A101:F101"/>
    <mergeCell ref="G113:H113"/>
    <mergeCell ref="F82:G82"/>
    <mergeCell ref="F83:G83"/>
    <mergeCell ref="D119:E119"/>
    <mergeCell ref="A106:F106"/>
    <mergeCell ref="G108:H108"/>
    <mergeCell ref="G106:H106"/>
    <mergeCell ref="G105:H105"/>
    <mergeCell ref="G104:H104"/>
    <mergeCell ref="A3:H3"/>
    <mergeCell ref="A4:H4"/>
    <mergeCell ref="A5:H5"/>
    <mergeCell ref="A6:H6"/>
    <mergeCell ref="A7:H7"/>
    <mergeCell ref="A9:H9"/>
    <mergeCell ref="F12:G12"/>
    <mergeCell ref="B10:C10"/>
    <mergeCell ref="F10:H10"/>
    <mergeCell ref="D10:E10"/>
    <mergeCell ref="D11:E11"/>
    <mergeCell ref="D12:E12"/>
    <mergeCell ref="F11:G11"/>
    <mergeCell ref="A10:A11"/>
    <mergeCell ref="B13:C13"/>
    <mergeCell ref="B14:C14"/>
    <mergeCell ref="B15:C15"/>
    <mergeCell ref="B16:C16"/>
    <mergeCell ref="B17:C17"/>
    <mergeCell ref="B18:C18"/>
    <mergeCell ref="B19:C19"/>
    <mergeCell ref="B20:C20"/>
    <mergeCell ref="B21:C21"/>
    <mergeCell ref="B22:C22"/>
    <mergeCell ref="B23:C23"/>
    <mergeCell ref="B24:C24"/>
    <mergeCell ref="B25:C25"/>
    <mergeCell ref="B26:C26"/>
    <mergeCell ref="B27:C27"/>
    <mergeCell ref="B28:C28"/>
    <mergeCell ref="B29:C29"/>
    <mergeCell ref="B30:C30"/>
    <mergeCell ref="B31:C31"/>
    <mergeCell ref="B32:C32"/>
    <mergeCell ref="B33:C33"/>
    <mergeCell ref="B34:C34"/>
    <mergeCell ref="B35:C35"/>
    <mergeCell ref="B36:C36"/>
    <mergeCell ref="B37:C37"/>
    <mergeCell ref="B38:C38"/>
    <mergeCell ref="B39:C39"/>
    <mergeCell ref="B40:C40"/>
    <mergeCell ref="B41:C41"/>
    <mergeCell ref="B42:C42"/>
    <mergeCell ref="B43:C43"/>
    <mergeCell ref="B44:C44"/>
    <mergeCell ref="B45:C45"/>
    <mergeCell ref="B49:C49"/>
    <mergeCell ref="B50:C50"/>
    <mergeCell ref="B51:C51"/>
    <mergeCell ref="B46:C46"/>
    <mergeCell ref="F68:G68"/>
    <mergeCell ref="F69:G69"/>
    <mergeCell ref="F70:G70"/>
    <mergeCell ref="F75:G75"/>
    <mergeCell ref="F76:G76"/>
    <mergeCell ref="F77:G77"/>
    <mergeCell ref="F78:G78"/>
    <mergeCell ref="F79:G79"/>
    <mergeCell ref="F60:G60"/>
    <mergeCell ref="F61:G61"/>
    <mergeCell ref="F62:G62"/>
    <mergeCell ref="F63:G63"/>
    <mergeCell ref="F64:G64"/>
    <mergeCell ref="F65:G65"/>
    <mergeCell ref="D78:E78"/>
    <mergeCell ref="D84:E84"/>
    <mergeCell ref="D85:E85"/>
    <mergeCell ref="D86:E86"/>
    <mergeCell ref="A111:F111"/>
    <mergeCell ref="A110:F110"/>
    <mergeCell ref="B116:C116"/>
    <mergeCell ref="D116:E116"/>
    <mergeCell ref="A102:F102"/>
    <mergeCell ref="A103:F103"/>
    <mergeCell ref="B78:C78"/>
    <mergeCell ref="B79:C79"/>
    <mergeCell ref="F80:G80"/>
    <mergeCell ref="D79:E79"/>
    <mergeCell ref="D80:E80"/>
    <mergeCell ref="D81:E81"/>
    <mergeCell ref="D82:E82"/>
    <mergeCell ref="D83:E83"/>
    <mergeCell ref="B83:C83"/>
    <mergeCell ref="B84:C84"/>
    <mergeCell ref="F84:G84"/>
    <mergeCell ref="F85:G85"/>
    <mergeCell ref="F86:G86"/>
    <mergeCell ref="B81:C81"/>
    <mergeCell ref="B52:C52"/>
    <mergeCell ref="B53:C53"/>
    <mergeCell ref="B57:C57"/>
    <mergeCell ref="B58:C58"/>
    <mergeCell ref="B59:C59"/>
    <mergeCell ref="B60:C60"/>
    <mergeCell ref="B61:C61"/>
    <mergeCell ref="B85:C85"/>
    <mergeCell ref="B86:C86"/>
    <mergeCell ref="B70:C70"/>
    <mergeCell ref="B75:C75"/>
    <mergeCell ref="B76:C76"/>
    <mergeCell ref="B77:C77"/>
    <mergeCell ref="B66:C66"/>
    <mergeCell ref="B67:C67"/>
    <mergeCell ref="B68:C68"/>
    <mergeCell ref="B69:C69"/>
    <mergeCell ref="B82:C82"/>
    <mergeCell ref="D46:E46"/>
    <mergeCell ref="F46:H46"/>
    <mergeCell ref="F47:G47"/>
    <mergeCell ref="D48:E48"/>
    <mergeCell ref="F48:G48"/>
    <mergeCell ref="D55:E55"/>
    <mergeCell ref="F57:G57"/>
    <mergeCell ref="F58:G58"/>
    <mergeCell ref="F59:G59"/>
    <mergeCell ref="D47:E47"/>
    <mergeCell ref="D58:E58"/>
    <mergeCell ref="D59:E59"/>
    <mergeCell ref="D60:E60"/>
    <mergeCell ref="D61:E61"/>
    <mergeCell ref="D49:E49"/>
    <mergeCell ref="D50:E50"/>
    <mergeCell ref="D51:E51"/>
    <mergeCell ref="D52:E52"/>
    <mergeCell ref="D53:E53"/>
    <mergeCell ref="D54:E54"/>
    <mergeCell ref="F49:G49"/>
    <mergeCell ref="F50:G50"/>
    <mergeCell ref="F51:G51"/>
    <mergeCell ref="F52:G52"/>
    <mergeCell ref="F53:G53"/>
    <mergeCell ref="D66:E66"/>
    <mergeCell ref="D67:E67"/>
    <mergeCell ref="D68:E68"/>
    <mergeCell ref="D69:E69"/>
    <mergeCell ref="D70:E70"/>
    <mergeCell ref="F66:G66"/>
    <mergeCell ref="F67:G67"/>
    <mergeCell ref="D13:E13"/>
    <mergeCell ref="D14:E14"/>
    <mergeCell ref="D15:E15"/>
    <mergeCell ref="D16:E16"/>
    <mergeCell ref="D17:E17"/>
    <mergeCell ref="D18:E18"/>
    <mergeCell ref="D19:E19"/>
    <mergeCell ref="D20:E20"/>
    <mergeCell ref="D21:E21"/>
    <mergeCell ref="D22:E22"/>
    <mergeCell ref="D23:E23"/>
    <mergeCell ref="D24:E24"/>
    <mergeCell ref="D25:E25"/>
    <mergeCell ref="D26:E26"/>
    <mergeCell ref="D27:E27"/>
    <mergeCell ref="D28:E28"/>
    <mergeCell ref="D29:E29"/>
    <mergeCell ref="F44:G44"/>
    <mergeCell ref="D36:E36"/>
    <mergeCell ref="D37:E37"/>
    <mergeCell ref="D38:E38"/>
    <mergeCell ref="D39:E39"/>
    <mergeCell ref="D40:E40"/>
    <mergeCell ref="D41:E41"/>
    <mergeCell ref="D42:E42"/>
    <mergeCell ref="D43:E43"/>
    <mergeCell ref="D44:E44"/>
    <mergeCell ref="F27:G27"/>
    <mergeCell ref="F28:G28"/>
    <mergeCell ref="F29:G29"/>
    <mergeCell ref="F30:G30"/>
    <mergeCell ref="F40:G40"/>
    <mergeCell ref="F41:G41"/>
    <mergeCell ref="F42:G42"/>
    <mergeCell ref="F43:G43"/>
    <mergeCell ref="D30:E30"/>
    <mergeCell ref="D31:E31"/>
    <mergeCell ref="D32:E32"/>
    <mergeCell ref="D33:E33"/>
    <mergeCell ref="D34:E34"/>
    <mergeCell ref="D35:E35"/>
    <mergeCell ref="F18:G18"/>
    <mergeCell ref="F19:G19"/>
    <mergeCell ref="F20:G20"/>
    <mergeCell ref="F21:G21"/>
    <mergeCell ref="F22:G22"/>
    <mergeCell ref="F23:G23"/>
    <mergeCell ref="F24:G24"/>
    <mergeCell ref="F25:G25"/>
    <mergeCell ref="F26:G26"/>
    <mergeCell ref="B11:C12"/>
    <mergeCell ref="B47:C48"/>
    <mergeCell ref="B55:C56"/>
    <mergeCell ref="B73:C74"/>
    <mergeCell ref="B90:B91"/>
    <mergeCell ref="B117:C118"/>
    <mergeCell ref="B121:B122"/>
    <mergeCell ref="B153:B154"/>
    <mergeCell ref="F45:G45"/>
    <mergeCell ref="F31:G31"/>
    <mergeCell ref="F32:G32"/>
    <mergeCell ref="F33:G33"/>
    <mergeCell ref="F34:G34"/>
    <mergeCell ref="F35:G35"/>
    <mergeCell ref="F36:G36"/>
    <mergeCell ref="F37:G37"/>
    <mergeCell ref="F38:G38"/>
    <mergeCell ref="F39:G39"/>
    <mergeCell ref="D45:E45"/>
    <mergeCell ref="F13:G13"/>
    <mergeCell ref="F14:G14"/>
    <mergeCell ref="F15:G15"/>
    <mergeCell ref="F16:G16"/>
    <mergeCell ref="F17:G17"/>
  </mergeCells>
  <printOptions horizontalCentered="1"/>
  <pageMargins left="0.19685039370078741" right="0.19685039370078741" top="0.39370078740157483" bottom="0.39370078740157483" header="0" footer="0"/>
  <pageSetup paperSize="9" scale="48" fitToHeight="2" orientation="portrait" r:id="rId9"/>
  <headerFooter alignWithMargins="0"/>
  <drawing r:id="rId1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sheetPr>
  <dimension ref="A1:H135"/>
  <sheetViews>
    <sheetView showGridLines="0" zoomScaleNormal="100" workbookViewId="0"/>
  </sheetViews>
  <sheetFormatPr defaultRowHeight="10.5" x14ac:dyDescent="0.2"/>
  <cols>
    <col min="1" max="1" width="63.5703125" style="76" customWidth="1"/>
    <col min="2" max="2" width="19" style="76" bestFit="1" customWidth="1"/>
    <col min="3" max="3" width="18.5703125" style="76" customWidth="1"/>
    <col min="4" max="4" width="19.140625" style="76" customWidth="1"/>
    <col min="5" max="5" width="17.28515625" style="76" customWidth="1"/>
    <col min="6" max="6" width="19" style="76" bestFit="1" customWidth="1"/>
    <col min="7" max="7" width="16.85546875" style="76" customWidth="1"/>
    <col min="8" max="8" width="15.7109375" style="76" customWidth="1"/>
    <col min="9" max="16384" width="9.140625" style="76"/>
  </cols>
  <sheetData>
    <row r="1" spans="1:8" s="136" customFormat="1" x14ac:dyDescent="0.2">
      <c r="A1" s="134"/>
      <c r="B1" s="134"/>
      <c r="C1" s="134"/>
      <c r="D1" s="134"/>
      <c r="E1" s="134"/>
      <c r="F1" s="134"/>
      <c r="G1" s="134"/>
    </row>
    <row r="2" spans="1:8" s="136" customFormat="1" x14ac:dyDescent="0.2">
      <c r="A2" s="137"/>
      <c r="B2" s="137"/>
      <c r="C2" s="137"/>
      <c r="D2" s="137"/>
      <c r="E2" s="137"/>
    </row>
    <row r="3" spans="1:8" s="140" customFormat="1" x14ac:dyDescent="0.2">
      <c r="A3" s="994" t="s">
        <v>637</v>
      </c>
      <c r="B3" s="994"/>
      <c r="C3" s="994"/>
      <c r="D3" s="994"/>
      <c r="E3" s="994"/>
      <c r="F3" s="994"/>
      <c r="G3" s="994"/>
      <c r="H3" s="994"/>
    </row>
    <row r="4" spans="1:8" s="140" customFormat="1" x14ac:dyDescent="0.2">
      <c r="A4" s="994" t="s">
        <v>104</v>
      </c>
      <c r="B4" s="994"/>
      <c r="C4" s="994"/>
      <c r="D4" s="994"/>
      <c r="E4" s="994"/>
      <c r="F4" s="994"/>
      <c r="G4" s="994"/>
      <c r="H4" s="994"/>
    </row>
    <row r="5" spans="1:8" s="140" customFormat="1" x14ac:dyDescent="0.2">
      <c r="A5" s="905" t="s">
        <v>390</v>
      </c>
      <c r="B5" s="905"/>
      <c r="C5" s="905"/>
      <c r="D5" s="905"/>
      <c r="E5" s="905"/>
      <c r="F5" s="905"/>
      <c r="G5" s="905"/>
      <c r="H5" s="905"/>
    </row>
    <row r="6" spans="1:8" s="140" customFormat="1" x14ac:dyDescent="0.2">
      <c r="A6" s="994" t="s">
        <v>106</v>
      </c>
      <c r="B6" s="994"/>
      <c r="C6" s="994"/>
      <c r="D6" s="994"/>
      <c r="E6" s="994"/>
      <c r="F6" s="994"/>
      <c r="G6" s="994"/>
      <c r="H6" s="994"/>
    </row>
    <row r="7" spans="1:8" s="140" customFormat="1" x14ac:dyDescent="0.2">
      <c r="A7" s="994" t="s">
        <v>888</v>
      </c>
      <c r="B7" s="994"/>
      <c r="C7" s="994"/>
      <c r="D7" s="994"/>
      <c r="E7" s="994"/>
      <c r="F7" s="994"/>
      <c r="G7" s="994"/>
      <c r="H7" s="994"/>
    </row>
    <row r="8" spans="1:8" s="136" customFormat="1" x14ac:dyDescent="0.2">
      <c r="A8" s="137"/>
      <c r="B8" s="137"/>
      <c r="C8" s="137"/>
      <c r="D8" s="137"/>
      <c r="E8" s="137"/>
    </row>
    <row r="9" spans="1:8" s="136" customFormat="1" x14ac:dyDescent="0.2">
      <c r="A9" s="138" t="s">
        <v>413</v>
      </c>
      <c r="B9" s="135"/>
      <c r="C9" s="135"/>
      <c r="D9" s="135"/>
      <c r="H9" s="225">
        <v>1</v>
      </c>
    </row>
    <row r="10" spans="1:8" ht="15" customHeight="1" x14ac:dyDescent="0.2">
      <c r="A10" s="908" t="s">
        <v>391</v>
      </c>
      <c r="B10" s="984" t="s">
        <v>425</v>
      </c>
      <c r="C10" s="865" t="s">
        <v>234</v>
      </c>
      <c r="D10" s="884"/>
      <c r="E10" s="885" t="s">
        <v>108</v>
      </c>
      <c r="F10" s="886"/>
      <c r="G10" s="886"/>
      <c r="H10" s="886"/>
    </row>
    <row r="11" spans="1:8" ht="15" customHeight="1" x14ac:dyDescent="0.15">
      <c r="A11" s="909"/>
      <c r="B11" s="985"/>
      <c r="C11" s="866"/>
      <c r="D11" s="868"/>
      <c r="E11" s="902" t="s">
        <v>114</v>
      </c>
      <c r="F11" s="903"/>
      <c r="G11" s="902" t="s">
        <v>113</v>
      </c>
      <c r="H11" s="981"/>
    </row>
    <row r="12" spans="1:8" ht="15" customHeight="1" x14ac:dyDescent="0.2">
      <c r="A12" s="912"/>
      <c r="B12" s="986"/>
      <c r="C12" s="906" t="s">
        <v>115</v>
      </c>
      <c r="D12" s="907"/>
      <c r="E12" s="906" t="s">
        <v>116</v>
      </c>
      <c r="F12" s="907"/>
      <c r="G12" s="906" t="s">
        <v>223</v>
      </c>
      <c r="H12" s="982"/>
    </row>
    <row r="13" spans="1:8" s="281" customFormat="1" ht="15" customHeight="1" x14ac:dyDescent="0.2">
      <c r="A13" s="99" t="s">
        <v>402</v>
      </c>
      <c r="B13" s="574">
        <v>8815620800</v>
      </c>
      <c r="C13" s="878">
        <v>8929530884.0599995</v>
      </c>
      <c r="D13" s="879"/>
      <c r="E13" s="878">
        <v>4486291644.8699999</v>
      </c>
      <c r="F13" s="879"/>
      <c r="G13" s="878">
        <v>50.241067566924777</v>
      </c>
      <c r="H13" s="915"/>
    </row>
    <row r="14" spans="1:8" x14ac:dyDescent="0.2">
      <c r="A14" s="81" t="s">
        <v>403</v>
      </c>
      <c r="B14" s="575">
        <v>114800000</v>
      </c>
      <c r="C14" s="874">
        <v>114800000</v>
      </c>
      <c r="D14" s="875"/>
      <c r="E14" s="874">
        <v>88172994.680000007</v>
      </c>
      <c r="F14" s="875"/>
      <c r="G14" s="874">
        <v>76.805744494773521</v>
      </c>
      <c r="H14" s="904"/>
    </row>
    <row r="15" spans="1:8" ht="21" x14ac:dyDescent="0.2">
      <c r="A15" s="81" t="s">
        <v>437</v>
      </c>
      <c r="B15" s="575">
        <v>7734831400</v>
      </c>
      <c r="C15" s="874">
        <v>7734831400</v>
      </c>
      <c r="D15" s="875"/>
      <c r="E15" s="874">
        <v>3617969930.71</v>
      </c>
      <c r="F15" s="875"/>
      <c r="G15" s="874">
        <v>46.775032881906128</v>
      </c>
      <c r="H15" s="904"/>
    </row>
    <row r="16" spans="1:8" x14ac:dyDescent="0.2">
      <c r="A16" s="81" t="s">
        <v>404</v>
      </c>
      <c r="B16" s="575">
        <v>317100000</v>
      </c>
      <c r="C16" s="874">
        <v>430331187.93000001</v>
      </c>
      <c r="D16" s="875"/>
      <c r="E16" s="874">
        <v>430331187.93000001</v>
      </c>
      <c r="F16" s="875"/>
      <c r="G16" s="874">
        <v>100</v>
      </c>
      <c r="H16" s="904"/>
    </row>
    <row r="17" spans="1:8" ht="12.75" customHeight="1" x14ac:dyDescent="0.2">
      <c r="A17" s="81" t="s">
        <v>392</v>
      </c>
      <c r="B17" s="575">
        <v>588500000</v>
      </c>
      <c r="C17" s="874">
        <v>588500000</v>
      </c>
      <c r="D17" s="875"/>
      <c r="E17" s="874">
        <v>319403619.18000001</v>
      </c>
      <c r="F17" s="875"/>
      <c r="G17" s="874">
        <v>54.27419187425658</v>
      </c>
      <c r="H17" s="904"/>
    </row>
    <row r="18" spans="1:8" ht="10.5" customHeight="1" x14ac:dyDescent="0.2">
      <c r="A18" s="81" t="s">
        <v>405</v>
      </c>
      <c r="B18" s="319">
        <v>44220000</v>
      </c>
      <c r="C18" s="1001">
        <v>44220000</v>
      </c>
      <c r="D18" s="1002"/>
      <c r="E18" s="874">
        <v>25907130.990000002</v>
      </c>
      <c r="F18" s="875"/>
      <c r="G18" s="874">
        <v>58.586908616010859</v>
      </c>
      <c r="H18" s="904"/>
    </row>
    <row r="19" spans="1:8" ht="12.75" customHeight="1" x14ac:dyDescent="0.2">
      <c r="A19" s="81" t="s">
        <v>406</v>
      </c>
      <c r="B19" s="575">
        <v>16169400</v>
      </c>
      <c r="C19" s="1001">
        <v>16848296.129999999</v>
      </c>
      <c r="D19" s="1002"/>
      <c r="E19" s="874">
        <v>4506781.38</v>
      </c>
      <c r="F19" s="875"/>
      <c r="G19" s="874">
        <v>26.749181906740382</v>
      </c>
      <c r="H19" s="904"/>
    </row>
    <row r="20" spans="1:8" ht="12.75" customHeight="1" x14ac:dyDescent="0.2">
      <c r="A20" s="81" t="s">
        <v>407</v>
      </c>
      <c r="B20" s="575">
        <v>0</v>
      </c>
      <c r="C20" s="874">
        <v>0</v>
      </c>
      <c r="D20" s="875"/>
      <c r="E20" s="874">
        <v>0</v>
      </c>
      <c r="F20" s="875"/>
      <c r="G20" s="874">
        <v>0</v>
      </c>
      <c r="H20" s="904"/>
    </row>
    <row r="21" spans="1:8" s="281" customFormat="1" ht="15" customHeight="1" x14ac:dyDescent="0.2">
      <c r="A21" s="282" t="s">
        <v>438</v>
      </c>
      <c r="B21" s="576">
        <v>1301100000</v>
      </c>
      <c r="C21" s="876">
        <v>1301100000</v>
      </c>
      <c r="D21" s="877"/>
      <c r="E21" s="876">
        <v>602610544.98999989</v>
      </c>
      <c r="F21" s="877"/>
      <c r="G21" s="876">
        <v>46.315467296134031</v>
      </c>
      <c r="H21" s="980"/>
    </row>
    <row r="22" spans="1:8" x14ac:dyDescent="0.2">
      <c r="A22" s="81" t="s">
        <v>408</v>
      </c>
      <c r="B22" s="577">
        <v>1164100000</v>
      </c>
      <c r="C22" s="874">
        <v>1164100000</v>
      </c>
      <c r="D22" s="875"/>
      <c r="E22" s="874">
        <v>552414780.91999996</v>
      </c>
      <c r="F22" s="875"/>
      <c r="G22" s="874">
        <v>47.454237687483889</v>
      </c>
      <c r="H22" s="904"/>
    </row>
    <row r="23" spans="1:8" x14ac:dyDescent="0.2">
      <c r="A23" s="81" t="s">
        <v>409</v>
      </c>
      <c r="B23" s="577">
        <v>118900000</v>
      </c>
      <c r="C23" s="874">
        <v>118900000</v>
      </c>
      <c r="D23" s="875"/>
      <c r="E23" s="874">
        <v>41167385.93</v>
      </c>
      <c r="F23" s="875"/>
      <c r="G23" s="874">
        <v>34.623537367535747</v>
      </c>
      <c r="H23" s="904"/>
    </row>
    <row r="24" spans="1:8" ht="21" x14ac:dyDescent="0.2">
      <c r="A24" s="81" t="s">
        <v>878</v>
      </c>
      <c r="B24" s="577">
        <v>18100000</v>
      </c>
      <c r="C24" s="874">
        <v>18100000</v>
      </c>
      <c r="D24" s="875"/>
      <c r="E24" s="874">
        <v>9028378.1400000006</v>
      </c>
      <c r="F24" s="875"/>
      <c r="G24" s="874">
        <v>49.880542209944757</v>
      </c>
      <c r="H24" s="904"/>
    </row>
    <row r="25" spans="1:8" x14ac:dyDescent="0.2">
      <c r="A25" s="81" t="s">
        <v>410</v>
      </c>
      <c r="B25" s="577">
        <v>18100000</v>
      </c>
      <c r="C25" s="874">
        <v>18100000</v>
      </c>
      <c r="D25" s="875"/>
      <c r="E25" s="874">
        <v>9028378.1400000006</v>
      </c>
      <c r="F25" s="875"/>
      <c r="G25" s="874">
        <v>49.880542209944757</v>
      </c>
      <c r="H25" s="904"/>
    </row>
    <row r="26" spans="1:8" x14ac:dyDescent="0.2">
      <c r="A26" s="81" t="s">
        <v>411</v>
      </c>
      <c r="B26" s="577">
        <v>0</v>
      </c>
      <c r="C26" s="874">
        <v>0</v>
      </c>
      <c r="D26" s="875"/>
      <c r="E26" s="874">
        <v>0</v>
      </c>
      <c r="F26" s="875"/>
      <c r="G26" s="874">
        <v>0</v>
      </c>
      <c r="H26" s="904"/>
    </row>
    <row r="27" spans="1:8" s="281" customFormat="1" ht="25.5" customHeight="1" x14ac:dyDescent="0.2">
      <c r="A27" s="282" t="s">
        <v>439</v>
      </c>
      <c r="B27" s="574">
        <v>2120849450</v>
      </c>
      <c r="C27" s="876">
        <v>2177804492.0300002</v>
      </c>
      <c r="D27" s="877"/>
      <c r="E27" s="876">
        <v>1131049509.95</v>
      </c>
      <c r="F27" s="877"/>
      <c r="G27" s="876">
        <v>51.935309808077093</v>
      </c>
      <c r="H27" s="980"/>
    </row>
    <row r="28" spans="1:8" x14ac:dyDescent="0.2">
      <c r="A28" s="81" t="s">
        <v>440</v>
      </c>
      <c r="B28" s="577">
        <v>1924928650</v>
      </c>
      <c r="C28" s="874">
        <v>1924928650</v>
      </c>
      <c r="D28" s="875"/>
      <c r="E28" s="874">
        <v>901123440.77750003</v>
      </c>
      <c r="F28" s="875"/>
      <c r="G28" s="874">
        <v>46.81334244661484</v>
      </c>
      <c r="H28" s="904"/>
    </row>
    <row r="29" spans="1:8" x14ac:dyDescent="0.2">
      <c r="A29" s="81" t="s">
        <v>441</v>
      </c>
      <c r="B29" s="577">
        <v>166195800</v>
      </c>
      <c r="C29" s="874">
        <v>223150842.03</v>
      </c>
      <c r="D29" s="875"/>
      <c r="E29" s="874">
        <v>219634222.69</v>
      </c>
      <c r="F29" s="875"/>
      <c r="G29" s="874">
        <v>98.424106623121219</v>
      </c>
      <c r="H29" s="904"/>
    </row>
    <row r="30" spans="1:8" ht="12" customHeight="1" x14ac:dyDescent="0.2">
      <c r="A30" s="81" t="s">
        <v>442</v>
      </c>
      <c r="B30" s="577">
        <v>29725000</v>
      </c>
      <c r="C30" s="900">
        <v>29725000</v>
      </c>
      <c r="D30" s="901"/>
      <c r="E30" s="900">
        <v>10291846.4825</v>
      </c>
      <c r="F30" s="901"/>
      <c r="G30" s="900">
        <v>34.623537367535747</v>
      </c>
      <c r="H30" s="921"/>
    </row>
    <row r="31" spans="1:8" ht="24.95" customHeight="1" x14ac:dyDescent="0.2">
      <c r="A31" s="278" t="s">
        <v>443</v>
      </c>
      <c r="B31" s="578">
        <v>7995871350</v>
      </c>
      <c r="C31" s="872">
        <v>8052826392.0299988</v>
      </c>
      <c r="D31" s="873"/>
      <c r="E31" s="872">
        <v>3957852679.9099998</v>
      </c>
      <c r="F31" s="873"/>
      <c r="G31" s="872">
        <v>49.148615495140255</v>
      </c>
      <c r="H31" s="920"/>
    </row>
    <row r="32" spans="1:8" x14ac:dyDescent="0.2">
      <c r="A32" s="83"/>
      <c r="B32" s="86"/>
      <c r="C32" s="83"/>
      <c r="D32" s="325"/>
      <c r="E32" s="83"/>
      <c r="F32" s="355"/>
      <c r="G32" s="83"/>
      <c r="H32" s="83"/>
    </row>
    <row r="33" spans="1:8" ht="15" customHeight="1" x14ac:dyDescent="0.2">
      <c r="A33" s="947" t="s">
        <v>393</v>
      </c>
      <c r="B33" s="984" t="s">
        <v>425</v>
      </c>
      <c r="C33" s="865" t="s">
        <v>234</v>
      </c>
      <c r="D33" s="884"/>
      <c r="E33" s="885" t="s">
        <v>108</v>
      </c>
      <c r="F33" s="886"/>
      <c r="G33" s="886"/>
      <c r="H33" s="886"/>
    </row>
    <row r="34" spans="1:8" ht="15" customHeight="1" x14ac:dyDescent="0.15">
      <c r="A34" s="948"/>
      <c r="B34" s="985"/>
      <c r="C34" s="866"/>
      <c r="D34" s="868"/>
      <c r="E34" s="902" t="s">
        <v>114</v>
      </c>
      <c r="F34" s="903"/>
      <c r="G34" s="902" t="s">
        <v>113</v>
      </c>
      <c r="H34" s="981"/>
    </row>
    <row r="35" spans="1:8" ht="15" customHeight="1" x14ac:dyDescent="0.2">
      <c r="A35" s="946"/>
      <c r="B35" s="986"/>
      <c r="C35" s="906" t="s">
        <v>151</v>
      </c>
      <c r="D35" s="907"/>
      <c r="E35" s="906" t="s">
        <v>161</v>
      </c>
      <c r="F35" s="907"/>
      <c r="G35" s="906" t="s">
        <v>224</v>
      </c>
      <c r="H35" s="982"/>
    </row>
    <row r="36" spans="1:8" s="281" customFormat="1" ht="15.75" customHeight="1" x14ac:dyDescent="0.2">
      <c r="A36" s="280" t="s">
        <v>354</v>
      </c>
      <c r="B36" s="545">
        <v>288751500</v>
      </c>
      <c r="C36" s="878">
        <v>288751500</v>
      </c>
      <c r="D36" s="879"/>
      <c r="E36" s="878">
        <v>93341872.340000004</v>
      </c>
      <c r="F36" s="879"/>
      <c r="G36" s="878">
        <v>32.326021627593278</v>
      </c>
      <c r="H36" s="915"/>
    </row>
    <row r="37" spans="1:8" x14ac:dyDescent="0.2">
      <c r="A37" s="87" t="s">
        <v>394</v>
      </c>
      <c r="B37" s="543">
        <v>205626500</v>
      </c>
      <c r="C37" s="874">
        <v>205626500</v>
      </c>
      <c r="D37" s="875"/>
      <c r="E37" s="874">
        <v>62568740.769999996</v>
      </c>
      <c r="F37" s="875"/>
      <c r="G37" s="874">
        <v>30.428344970127874</v>
      </c>
      <c r="H37" s="904"/>
    </row>
    <row r="38" spans="1:8" x14ac:dyDescent="0.2">
      <c r="A38" s="87" t="s">
        <v>412</v>
      </c>
      <c r="B38" s="543">
        <v>0</v>
      </c>
      <c r="C38" s="874">
        <v>0</v>
      </c>
      <c r="D38" s="875"/>
      <c r="E38" s="874">
        <v>0</v>
      </c>
      <c r="F38" s="875"/>
      <c r="G38" s="874">
        <v>0</v>
      </c>
      <c r="H38" s="904"/>
    </row>
    <row r="39" spans="1:8" x14ac:dyDescent="0.2">
      <c r="A39" s="87" t="s">
        <v>395</v>
      </c>
      <c r="B39" s="543">
        <v>0</v>
      </c>
      <c r="C39" s="874">
        <v>0</v>
      </c>
      <c r="D39" s="875"/>
      <c r="E39" s="874">
        <v>0</v>
      </c>
      <c r="F39" s="875"/>
      <c r="G39" s="874">
        <v>0</v>
      </c>
      <c r="H39" s="904"/>
    </row>
    <row r="40" spans="1:8" s="18" customFormat="1" x14ac:dyDescent="0.2">
      <c r="A40" s="83" t="s">
        <v>444</v>
      </c>
      <c r="B40" s="543">
        <v>83125000</v>
      </c>
      <c r="C40" s="874">
        <v>83125000</v>
      </c>
      <c r="D40" s="875"/>
      <c r="E40" s="874">
        <v>30773131.57</v>
      </c>
      <c r="F40" s="875"/>
      <c r="G40" s="874">
        <v>37.020308655639099</v>
      </c>
      <c r="H40" s="904"/>
    </row>
    <row r="41" spans="1:8" s="281" customFormat="1" ht="15" customHeight="1" x14ac:dyDescent="0.2">
      <c r="A41" s="280" t="s">
        <v>396</v>
      </c>
      <c r="B41" s="544">
        <v>0</v>
      </c>
      <c r="C41" s="876">
        <v>0</v>
      </c>
      <c r="D41" s="877"/>
      <c r="E41" s="876">
        <v>0</v>
      </c>
      <c r="F41" s="877"/>
      <c r="G41" s="876">
        <v>0</v>
      </c>
      <c r="H41" s="980"/>
    </row>
    <row r="42" spans="1:8" s="281" customFormat="1" ht="15" customHeight="1" x14ac:dyDescent="0.2">
      <c r="A42" s="230" t="s">
        <v>350</v>
      </c>
      <c r="B42" s="544">
        <v>0</v>
      </c>
      <c r="C42" s="874">
        <v>0</v>
      </c>
      <c r="D42" s="875"/>
      <c r="E42" s="876">
        <v>0</v>
      </c>
      <c r="F42" s="877"/>
      <c r="G42" s="876">
        <v>0</v>
      </c>
      <c r="H42" s="980"/>
    </row>
    <row r="43" spans="1:8" s="281" customFormat="1" ht="15" customHeight="1" x14ac:dyDescent="0.2">
      <c r="A43" s="265" t="s">
        <v>445</v>
      </c>
      <c r="B43" s="579">
        <v>0</v>
      </c>
      <c r="C43" s="900">
        <v>0</v>
      </c>
      <c r="D43" s="901"/>
      <c r="E43" s="880">
        <v>0</v>
      </c>
      <c r="F43" s="881"/>
      <c r="G43" s="880">
        <v>0</v>
      </c>
      <c r="H43" s="924"/>
    </row>
    <row r="44" spans="1:8" ht="15" customHeight="1" x14ac:dyDescent="0.2">
      <c r="A44" s="233" t="s">
        <v>397</v>
      </c>
      <c r="B44" s="578">
        <v>288751500</v>
      </c>
      <c r="C44" s="872">
        <v>288751500</v>
      </c>
      <c r="D44" s="873"/>
      <c r="E44" s="872">
        <v>93341872.340000004</v>
      </c>
      <c r="F44" s="873"/>
      <c r="G44" s="872">
        <v>32.326021627593278</v>
      </c>
      <c r="H44" s="920"/>
    </row>
    <row r="45" spans="1:8" x14ac:dyDescent="0.2">
      <c r="A45" s="86"/>
      <c r="B45" s="86"/>
      <c r="C45" s="89"/>
      <c r="D45" s="89"/>
      <c r="E45" s="89"/>
      <c r="F45" s="676"/>
      <c r="G45" s="676"/>
    </row>
    <row r="46" spans="1:8" ht="15" customHeight="1" x14ac:dyDescent="0.2">
      <c r="A46" s="884" t="s">
        <v>236</v>
      </c>
      <c r="B46" s="984" t="s">
        <v>782</v>
      </c>
      <c r="C46" s="78" t="s">
        <v>156</v>
      </c>
      <c r="D46" s="885" t="s">
        <v>157</v>
      </c>
      <c r="E46" s="944"/>
      <c r="F46" s="885" t="s">
        <v>158</v>
      </c>
      <c r="G46" s="886"/>
      <c r="H46" s="934" t="s">
        <v>618</v>
      </c>
    </row>
    <row r="47" spans="1:8" ht="21.75" customHeight="1" x14ac:dyDescent="0.2">
      <c r="A47" s="868"/>
      <c r="B47" s="985"/>
      <c r="C47" s="79" t="s">
        <v>111</v>
      </c>
      <c r="D47" s="263" t="s">
        <v>114</v>
      </c>
      <c r="E47" s="252" t="s">
        <v>113</v>
      </c>
      <c r="F47" s="263" t="s">
        <v>114</v>
      </c>
      <c r="G47" s="252" t="s">
        <v>113</v>
      </c>
      <c r="H47" s="936"/>
    </row>
    <row r="48" spans="1:8" ht="15" customHeight="1" x14ac:dyDescent="0.2">
      <c r="A48" s="43" t="s">
        <v>237</v>
      </c>
      <c r="B48" s="986"/>
      <c r="C48" s="631" t="s">
        <v>162</v>
      </c>
      <c r="D48" s="646" t="s">
        <v>232</v>
      </c>
      <c r="E48" s="640" t="s">
        <v>398</v>
      </c>
      <c r="F48" s="646" t="s">
        <v>163</v>
      </c>
      <c r="G48" s="640" t="s">
        <v>399</v>
      </c>
      <c r="H48" s="938"/>
    </row>
    <row r="49" spans="1:8" s="281" customFormat="1" x14ac:dyDescent="0.2">
      <c r="A49" s="236" t="s">
        <v>165</v>
      </c>
      <c r="B49" s="604">
        <v>1158051500</v>
      </c>
      <c r="C49" s="478">
        <v>1525688803.6700001</v>
      </c>
      <c r="D49" s="478">
        <v>1070323943.9599999</v>
      </c>
      <c r="E49" s="478">
        <v>70.153490107901874</v>
      </c>
      <c r="F49" s="599">
        <v>689824319.33999991</v>
      </c>
      <c r="G49" s="591">
        <v>45.213959601764628</v>
      </c>
      <c r="H49" s="605">
        <v>0</v>
      </c>
    </row>
    <row r="50" spans="1:8" x14ac:dyDescent="0.2">
      <c r="A50" s="83" t="s">
        <v>205</v>
      </c>
      <c r="B50" s="577">
        <v>359584700</v>
      </c>
      <c r="C50" s="480">
        <v>420846957</v>
      </c>
      <c r="D50" s="590">
        <v>274248372.13999999</v>
      </c>
      <c r="E50" s="595">
        <v>65.16582039584523</v>
      </c>
      <c r="F50" s="590">
        <v>171131060.49000001</v>
      </c>
      <c r="G50" s="595">
        <v>40.663490051087628</v>
      </c>
      <c r="H50" s="596"/>
    </row>
    <row r="51" spans="1:8" x14ac:dyDescent="0.2">
      <c r="A51" s="83" t="s">
        <v>238</v>
      </c>
      <c r="B51" s="577">
        <v>1031000</v>
      </c>
      <c r="C51" s="480">
        <v>1028000</v>
      </c>
      <c r="D51" s="590">
        <v>981000</v>
      </c>
      <c r="E51" s="595">
        <v>95.42801556420234</v>
      </c>
      <c r="F51" s="590">
        <v>401156.06</v>
      </c>
      <c r="G51" s="595">
        <v>39.022963035019451</v>
      </c>
      <c r="H51" s="596">
        <v>0</v>
      </c>
    </row>
    <row r="52" spans="1:8" x14ac:dyDescent="0.2">
      <c r="A52" s="83" t="s">
        <v>206</v>
      </c>
      <c r="B52" s="577">
        <v>797435800</v>
      </c>
      <c r="C52" s="577">
        <v>1103813846.6700001</v>
      </c>
      <c r="D52" s="590">
        <v>795094571.81999993</v>
      </c>
      <c r="E52" s="622">
        <v>72.031581613027555</v>
      </c>
      <c r="F52" s="590">
        <v>518292102.78999996</v>
      </c>
      <c r="G52" s="595">
        <v>46.954665802896955</v>
      </c>
      <c r="H52" s="596"/>
    </row>
    <row r="53" spans="1:8" s="281" customFormat="1" x14ac:dyDescent="0.2">
      <c r="A53" s="86" t="s">
        <v>166</v>
      </c>
      <c r="B53" s="574">
        <v>160250000</v>
      </c>
      <c r="C53" s="574">
        <v>143117720</v>
      </c>
      <c r="D53" s="574">
        <v>11418261.43</v>
      </c>
      <c r="E53" s="591">
        <v>7.978230389640081</v>
      </c>
      <c r="F53" s="599">
        <v>6537958.0500000007</v>
      </c>
      <c r="G53" s="591">
        <v>4.5682379861836822</v>
      </c>
      <c r="H53" s="600">
        <v>0</v>
      </c>
    </row>
    <row r="54" spans="1:8" x14ac:dyDescent="0.2">
      <c r="A54" s="18" t="s">
        <v>239</v>
      </c>
      <c r="B54" s="577">
        <v>157238900</v>
      </c>
      <c r="C54" s="480">
        <v>140856620</v>
      </c>
      <c r="D54" s="590">
        <v>9208261.4299999997</v>
      </c>
      <c r="E54" s="595">
        <v>6.5373295412029613</v>
      </c>
      <c r="F54" s="590">
        <v>5729248.9900000002</v>
      </c>
      <c r="G54" s="595">
        <v>4.0674332452390241</v>
      </c>
      <c r="H54" s="596"/>
    </row>
    <row r="55" spans="1:8" x14ac:dyDescent="0.2">
      <c r="A55" s="18" t="s">
        <v>240</v>
      </c>
      <c r="B55" s="577">
        <v>801100</v>
      </c>
      <c r="C55" s="480">
        <v>51100</v>
      </c>
      <c r="D55" s="590">
        <v>0</v>
      </c>
      <c r="E55" s="595">
        <v>0</v>
      </c>
      <c r="F55" s="590">
        <v>0</v>
      </c>
      <c r="G55" s="595">
        <v>0</v>
      </c>
      <c r="H55" s="596"/>
    </row>
    <row r="56" spans="1:8" ht="12" customHeight="1" x14ac:dyDescent="0.2">
      <c r="A56" s="18" t="s">
        <v>241</v>
      </c>
      <c r="B56" s="577">
        <v>2210000</v>
      </c>
      <c r="C56" s="480">
        <v>2210000</v>
      </c>
      <c r="D56" s="590">
        <v>2210000</v>
      </c>
      <c r="E56" s="595">
        <v>100</v>
      </c>
      <c r="F56" s="590">
        <v>808709.06</v>
      </c>
      <c r="G56" s="595">
        <v>36.593170135746611</v>
      </c>
      <c r="H56" s="606"/>
    </row>
    <row r="57" spans="1:8" ht="15" customHeight="1" x14ac:dyDescent="0.2">
      <c r="A57" s="233" t="s">
        <v>530</v>
      </c>
      <c r="B57" s="578">
        <v>1318301500</v>
      </c>
      <c r="C57" s="580">
        <v>1668806523.6700001</v>
      </c>
      <c r="D57" s="586">
        <v>1081742205.3899999</v>
      </c>
      <c r="E57" s="581">
        <v>64.821307326331507</v>
      </c>
      <c r="F57" s="586">
        <v>696362277.38999987</v>
      </c>
      <c r="G57" s="581">
        <v>41.728161264529113</v>
      </c>
      <c r="H57" s="585">
        <v>0</v>
      </c>
    </row>
    <row r="58" spans="1:8" x14ac:dyDescent="0.2">
      <c r="A58" s="987"/>
      <c r="B58" s="987"/>
      <c r="C58" s="355"/>
      <c r="D58" s="355"/>
      <c r="E58" s="83"/>
      <c r="F58" s="666"/>
    </row>
    <row r="59" spans="1:8" ht="15" customHeight="1" x14ac:dyDescent="0.2">
      <c r="A59" s="908" t="s">
        <v>372</v>
      </c>
      <c r="B59" s="984" t="s">
        <v>782</v>
      </c>
      <c r="C59" s="78" t="s">
        <v>156</v>
      </c>
      <c r="D59" s="885" t="s">
        <v>157</v>
      </c>
      <c r="E59" s="944"/>
      <c r="F59" s="885" t="s">
        <v>158</v>
      </c>
      <c r="G59" s="886"/>
      <c r="H59" s="934" t="s">
        <v>618</v>
      </c>
    </row>
    <row r="60" spans="1:8" ht="24" customHeight="1" x14ac:dyDescent="0.2">
      <c r="A60" s="909"/>
      <c r="B60" s="985"/>
      <c r="C60" s="79" t="s">
        <v>111</v>
      </c>
      <c r="D60" s="639" t="s">
        <v>114</v>
      </c>
      <c r="E60" s="633" t="s">
        <v>113</v>
      </c>
      <c r="F60" s="639" t="s">
        <v>114</v>
      </c>
      <c r="G60" s="633" t="s">
        <v>113</v>
      </c>
      <c r="H60" s="936"/>
    </row>
    <row r="61" spans="1:8" ht="15" customHeight="1" x14ac:dyDescent="0.2">
      <c r="A61" s="912"/>
      <c r="B61" s="986"/>
      <c r="C61" s="95"/>
      <c r="D61" s="646" t="s">
        <v>164</v>
      </c>
      <c r="E61" s="640" t="s">
        <v>619</v>
      </c>
      <c r="F61" s="646" t="s">
        <v>351</v>
      </c>
      <c r="G61" s="640" t="s">
        <v>620</v>
      </c>
      <c r="H61" s="938"/>
    </row>
    <row r="62" spans="1:8" ht="15" customHeight="1" x14ac:dyDescent="0.2">
      <c r="A62" s="283" t="s">
        <v>373</v>
      </c>
      <c r="B62" s="588">
        <v>0</v>
      </c>
      <c r="C62" s="589">
        <v>0</v>
      </c>
      <c r="D62" s="590">
        <v>0</v>
      </c>
      <c r="E62" s="591">
        <v>0</v>
      </c>
      <c r="F62" s="590">
        <v>0</v>
      </c>
      <c r="G62" s="591">
        <v>0</v>
      </c>
      <c r="H62" s="592">
        <v>0</v>
      </c>
    </row>
    <row r="63" spans="1:8" ht="24.95" customHeight="1" x14ac:dyDescent="0.2">
      <c r="A63" s="5" t="s">
        <v>374</v>
      </c>
      <c r="B63" s="593">
        <v>0</v>
      </c>
      <c r="C63" s="594">
        <v>0</v>
      </c>
      <c r="D63" s="590">
        <v>0</v>
      </c>
      <c r="E63" s="479">
        <v>0</v>
      </c>
      <c r="F63" s="595">
        <v>0</v>
      </c>
      <c r="G63" s="478">
        <v>0</v>
      </c>
      <c r="H63" s="596">
        <v>0</v>
      </c>
    </row>
    <row r="64" spans="1:8" x14ac:dyDescent="0.2">
      <c r="A64" s="284" t="s">
        <v>400</v>
      </c>
      <c r="B64" s="597">
        <v>291806500</v>
      </c>
      <c r="C64" s="598">
        <v>292396500</v>
      </c>
      <c r="D64" s="599">
        <v>121566764.35000001</v>
      </c>
      <c r="E64" s="479">
        <v>11.238053183491312</v>
      </c>
      <c r="F64" s="591">
        <v>56434924.490000002</v>
      </c>
      <c r="G64" s="478">
        <v>8.1042477920430844</v>
      </c>
      <c r="H64" s="600">
        <v>0</v>
      </c>
    </row>
    <row r="65" spans="1:8" x14ac:dyDescent="0.2">
      <c r="A65" s="77" t="s">
        <v>401</v>
      </c>
      <c r="B65" s="543">
        <v>210631500</v>
      </c>
      <c r="C65" s="543">
        <v>211221500</v>
      </c>
      <c r="D65" s="590">
        <v>88034614.730000004</v>
      </c>
      <c r="E65" s="481">
        <v>8.1382250125168163</v>
      </c>
      <c r="F65" s="595">
        <v>37886468.840000004</v>
      </c>
      <c r="G65" s="480">
        <v>5.4406262473033946</v>
      </c>
      <c r="H65" s="596">
        <v>0</v>
      </c>
    </row>
    <row r="66" spans="1:8" x14ac:dyDescent="0.2">
      <c r="A66" s="77" t="s">
        <v>375</v>
      </c>
      <c r="B66" s="543">
        <v>3000000</v>
      </c>
      <c r="C66" s="543">
        <v>3000000</v>
      </c>
      <c r="D66" s="590">
        <v>0</v>
      </c>
      <c r="E66" s="481">
        <v>0</v>
      </c>
      <c r="F66" s="595">
        <v>0</v>
      </c>
      <c r="G66" s="480">
        <v>0</v>
      </c>
      <c r="H66" s="596">
        <v>0</v>
      </c>
    </row>
    <row r="67" spans="1:8" x14ac:dyDescent="0.2">
      <c r="A67" s="96" t="s">
        <v>376</v>
      </c>
      <c r="B67" s="543">
        <v>78175000</v>
      </c>
      <c r="C67" s="543">
        <v>78175000</v>
      </c>
      <c r="D67" s="543">
        <v>33532149.620000001</v>
      </c>
      <c r="E67" s="577">
        <v>3.0998281709744955</v>
      </c>
      <c r="F67" s="601">
        <v>18548455.649999999</v>
      </c>
      <c r="G67" s="480">
        <v>2.6636215447396898</v>
      </c>
      <c r="H67" s="596">
        <v>0</v>
      </c>
    </row>
    <row r="68" spans="1:8" x14ac:dyDescent="0.2">
      <c r="A68" s="285" t="s">
        <v>377</v>
      </c>
      <c r="B68" s="544">
        <v>0</v>
      </c>
      <c r="C68" s="544">
        <v>0</v>
      </c>
      <c r="D68" s="544">
        <v>0</v>
      </c>
      <c r="E68" s="574">
        <v>0</v>
      </c>
      <c r="F68" s="602">
        <v>0</v>
      </c>
      <c r="G68" s="478">
        <v>0</v>
      </c>
      <c r="H68" s="600">
        <v>0</v>
      </c>
    </row>
    <row r="69" spans="1:8" ht="21.75" x14ac:dyDescent="0.2">
      <c r="A69" s="5" t="s">
        <v>783</v>
      </c>
      <c r="B69" s="478">
        <v>0</v>
      </c>
      <c r="C69" s="478">
        <v>0</v>
      </c>
      <c r="D69" s="544">
        <v>0</v>
      </c>
      <c r="E69" s="574">
        <v>0</v>
      </c>
      <c r="F69" s="478">
        <v>0</v>
      </c>
      <c r="G69" s="478">
        <v>0</v>
      </c>
      <c r="H69" s="600">
        <v>0</v>
      </c>
    </row>
    <row r="70" spans="1:8" ht="21.75" x14ac:dyDescent="0.2">
      <c r="A70" s="285" t="s">
        <v>784</v>
      </c>
      <c r="B70" s="544">
        <v>0</v>
      </c>
      <c r="C70" s="544">
        <v>0</v>
      </c>
      <c r="D70" s="544">
        <v>0</v>
      </c>
      <c r="E70" s="574">
        <v>0</v>
      </c>
      <c r="F70" s="602">
        <v>0</v>
      </c>
      <c r="G70" s="478">
        <v>0</v>
      </c>
      <c r="H70" s="600">
        <v>0</v>
      </c>
    </row>
    <row r="71" spans="1:8" ht="35.1" customHeight="1" x14ac:dyDescent="0.2">
      <c r="A71" s="13" t="s">
        <v>785</v>
      </c>
      <c r="B71" s="544">
        <v>0</v>
      </c>
      <c r="C71" s="544">
        <v>0</v>
      </c>
      <c r="D71" s="544">
        <v>0</v>
      </c>
      <c r="E71" s="574">
        <v>0</v>
      </c>
      <c r="F71" s="602">
        <v>0</v>
      </c>
      <c r="G71" s="478">
        <v>0</v>
      </c>
      <c r="H71" s="603">
        <v>0</v>
      </c>
    </row>
    <row r="72" spans="1:8" s="224" customFormat="1" ht="16.5" customHeight="1" x14ac:dyDescent="0.2">
      <c r="A72" s="278" t="s">
        <v>446</v>
      </c>
      <c r="B72" s="585">
        <v>291806500</v>
      </c>
      <c r="C72" s="580">
        <v>292396500</v>
      </c>
      <c r="D72" s="585">
        <v>121566764.35000001</v>
      </c>
      <c r="E72" s="578">
        <v>11.238053183491312</v>
      </c>
      <c r="F72" s="585">
        <v>56434924.490000002</v>
      </c>
      <c r="G72" s="585">
        <v>8.1042477920430844</v>
      </c>
      <c r="H72" s="585">
        <v>0</v>
      </c>
    </row>
    <row r="73" spans="1:8" s="18" customFormat="1" x14ac:dyDescent="0.2">
      <c r="A73" s="97"/>
      <c r="B73" s="97"/>
      <c r="C73" s="97"/>
      <c r="D73" s="97"/>
      <c r="E73" s="359"/>
      <c r="F73" s="266"/>
      <c r="G73" s="355"/>
      <c r="H73" s="266"/>
    </row>
    <row r="74" spans="1:8" s="224" customFormat="1" ht="24.95" customHeight="1" x14ac:dyDescent="0.2">
      <c r="A74" s="286" t="s">
        <v>447</v>
      </c>
      <c r="B74" s="583">
        <v>1026495000</v>
      </c>
      <c r="C74" s="583">
        <v>1376410023.6700001</v>
      </c>
      <c r="D74" s="583">
        <v>960175441.03999984</v>
      </c>
      <c r="E74" s="584">
        <v>88.761946816508683</v>
      </c>
      <c r="F74" s="585">
        <v>639927352.89999986</v>
      </c>
      <c r="G74" s="586">
        <v>91.895752207956917</v>
      </c>
      <c r="H74" s="587">
        <v>0</v>
      </c>
    </row>
    <row r="75" spans="1:8" x14ac:dyDescent="0.2">
      <c r="A75" s="99"/>
      <c r="B75" s="80"/>
      <c r="C75" s="257"/>
      <c r="D75" s="83"/>
      <c r="E75" s="83"/>
      <c r="G75" s="90"/>
      <c r="H75" s="266"/>
    </row>
    <row r="76" spans="1:8" ht="24.75" customHeight="1" x14ac:dyDescent="0.2">
      <c r="A76" s="850" t="s">
        <v>621</v>
      </c>
      <c r="B76" s="850"/>
      <c r="C76" s="850"/>
      <c r="D76" s="851"/>
      <c r="E76" s="843">
        <v>16.168549075822387</v>
      </c>
      <c r="F76" s="844"/>
      <c r="G76" s="844"/>
      <c r="H76" s="844"/>
    </row>
    <row r="77" spans="1:8" ht="12.75" customHeight="1" x14ac:dyDescent="0.2">
      <c r="A77" s="6"/>
      <c r="B77" s="6"/>
      <c r="C77" s="6"/>
      <c r="D77" s="6"/>
      <c r="E77" s="100"/>
      <c r="F77" s="101"/>
      <c r="G77" s="101"/>
      <c r="H77" s="266"/>
    </row>
    <row r="78" spans="1:8" ht="25.5" customHeight="1" x14ac:dyDescent="0.2">
      <c r="A78" s="850" t="s">
        <v>622</v>
      </c>
      <c r="B78" s="850"/>
      <c r="C78" s="850"/>
      <c r="D78" s="851"/>
      <c r="E78" s="843">
        <v>164985031.3107999</v>
      </c>
      <c r="F78" s="844"/>
      <c r="G78" s="844"/>
      <c r="H78" s="844"/>
    </row>
    <row r="79" spans="1:8" x14ac:dyDescent="0.2">
      <c r="A79" s="7"/>
      <c r="B79" s="7"/>
      <c r="C79" s="7"/>
      <c r="D79" s="7"/>
      <c r="E79" s="87"/>
      <c r="F79" s="98"/>
      <c r="G79" s="98"/>
    </row>
    <row r="80" spans="1:8" ht="13.5" customHeight="1" x14ac:dyDescent="0.2">
      <c r="A80" s="935" t="s">
        <v>448</v>
      </c>
      <c r="B80" s="908"/>
      <c r="C80" s="984" t="s">
        <v>531</v>
      </c>
      <c r="D80" s="984" t="s">
        <v>786</v>
      </c>
      <c r="E80" s="984" t="s">
        <v>378</v>
      </c>
      <c r="F80" s="984" t="s">
        <v>379</v>
      </c>
      <c r="G80" s="934" t="s">
        <v>532</v>
      </c>
      <c r="H80" s="935"/>
    </row>
    <row r="81" spans="1:8" ht="21" customHeight="1" x14ac:dyDescent="0.2">
      <c r="A81" s="939"/>
      <c r="B81" s="912"/>
      <c r="C81" s="986"/>
      <c r="D81" s="986"/>
      <c r="E81" s="986"/>
      <c r="F81" s="986"/>
      <c r="G81" s="938"/>
      <c r="H81" s="939"/>
    </row>
    <row r="82" spans="1:8" ht="15" customHeight="1" x14ac:dyDescent="0.2">
      <c r="A82" s="625" t="s">
        <v>875</v>
      </c>
      <c r="B82" s="626"/>
      <c r="C82" s="582">
        <v>75998288.00999999</v>
      </c>
      <c r="D82" s="623">
        <v>2368127.98</v>
      </c>
      <c r="E82" s="582">
        <v>61239603.689999998</v>
      </c>
      <c r="F82" s="623">
        <v>12390556.339999989</v>
      </c>
      <c r="G82" s="978">
        <v>0</v>
      </c>
      <c r="H82" s="979"/>
    </row>
    <row r="83" spans="1:8" ht="15" customHeight="1" x14ac:dyDescent="0.2">
      <c r="A83" s="14" t="s">
        <v>894</v>
      </c>
      <c r="B83" s="107"/>
      <c r="C83" s="577">
        <v>1566501.98</v>
      </c>
      <c r="D83" s="624">
        <v>0</v>
      </c>
      <c r="E83" s="577">
        <v>440665.67</v>
      </c>
      <c r="F83" s="624">
        <v>1125836.31</v>
      </c>
      <c r="G83" s="680"/>
      <c r="H83" s="681">
        <v>148002.06999999983</v>
      </c>
    </row>
    <row r="84" spans="1:8" ht="12.75" customHeight="1" x14ac:dyDescent="0.2">
      <c r="A84" s="14" t="s">
        <v>787</v>
      </c>
      <c r="B84" s="107"/>
      <c r="C84" s="577">
        <v>826671.31</v>
      </c>
      <c r="D84" s="624">
        <v>0</v>
      </c>
      <c r="E84" s="577">
        <v>0</v>
      </c>
      <c r="F84" s="624">
        <v>826671.31</v>
      </c>
      <c r="G84" s="900">
        <v>0</v>
      </c>
      <c r="H84" s="921"/>
    </row>
    <row r="85" spans="1:8" ht="15" customHeight="1" x14ac:dyDescent="0.2">
      <c r="A85" s="278" t="s">
        <v>380</v>
      </c>
      <c r="B85" s="272"/>
      <c r="C85" s="578">
        <v>76824959.319999993</v>
      </c>
      <c r="D85" s="578">
        <v>2368127.98</v>
      </c>
      <c r="E85" s="578">
        <v>61239603.689999998</v>
      </c>
      <c r="F85" s="578">
        <v>13217227.649999989</v>
      </c>
      <c r="G85" s="872">
        <v>148002.06999999983</v>
      </c>
      <c r="H85" s="920"/>
    </row>
    <row r="86" spans="1:8" ht="12.75" customHeight="1" x14ac:dyDescent="0.2">
      <c r="A86" s="84"/>
      <c r="B86" s="266"/>
      <c r="C86" s="94"/>
      <c r="D86" s="266"/>
      <c r="E86" s="266"/>
      <c r="F86" s="90"/>
      <c r="G86" s="90"/>
      <c r="H86" s="90"/>
    </row>
    <row r="87" spans="1:8" ht="12.75" customHeight="1" x14ac:dyDescent="0.2">
      <c r="A87" s="937" t="s">
        <v>381</v>
      </c>
      <c r="B87" s="909"/>
      <c r="C87" s="936" t="s">
        <v>436</v>
      </c>
      <c r="D87" s="937"/>
      <c r="E87" s="937"/>
      <c r="F87" s="937"/>
      <c r="G87" s="937"/>
      <c r="H87" s="937"/>
    </row>
    <row r="88" spans="1:8" ht="15.75" customHeight="1" x14ac:dyDescent="0.2">
      <c r="A88" s="937"/>
      <c r="B88" s="909"/>
      <c r="C88" s="938"/>
      <c r="D88" s="939"/>
      <c r="E88" s="939"/>
      <c r="F88" s="939"/>
      <c r="G88" s="939"/>
      <c r="H88" s="939"/>
    </row>
    <row r="89" spans="1:8" ht="14.25" customHeight="1" x14ac:dyDescent="0.2">
      <c r="A89" s="937"/>
      <c r="B89" s="909"/>
      <c r="C89" s="984" t="s">
        <v>382</v>
      </c>
      <c r="D89" s="936" t="s">
        <v>383</v>
      </c>
      <c r="E89" s="937"/>
      <c r="F89" s="934" t="s">
        <v>880</v>
      </c>
      <c r="G89" s="935"/>
      <c r="H89" s="935"/>
    </row>
    <row r="90" spans="1:8" ht="11.25" customHeight="1" x14ac:dyDescent="0.2">
      <c r="A90" s="937"/>
      <c r="B90" s="909"/>
      <c r="C90" s="985"/>
      <c r="D90" s="936"/>
      <c r="E90" s="937"/>
      <c r="F90" s="936"/>
      <c r="G90" s="937"/>
      <c r="H90" s="937"/>
    </row>
    <row r="91" spans="1:8" ht="12.75" customHeight="1" x14ac:dyDescent="0.2">
      <c r="A91" s="939"/>
      <c r="B91" s="912"/>
      <c r="C91" s="986"/>
      <c r="D91" s="938" t="s">
        <v>348</v>
      </c>
      <c r="E91" s="939"/>
      <c r="F91" s="974" t="s">
        <v>881</v>
      </c>
      <c r="G91" s="975"/>
      <c r="H91" s="975"/>
    </row>
    <row r="92" spans="1:8" ht="13.5" customHeight="1" x14ac:dyDescent="0.2">
      <c r="A92" s="248" t="s">
        <v>789</v>
      </c>
      <c r="B92" s="8"/>
      <c r="C92" s="9"/>
      <c r="D92" s="995"/>
      <c r="E92" s="996"/>
      <c r="F92" s="1003"/>
      <c r="G92" s="969"/>
      <c r="H92" s="969"/>
    </row>
    <row r="93" spans="1:8" ht="13.5" customHeight="1" x14ac:dyDescent="0.2">
      <c r="A93" s="249" t="s">
        <v>788</v>
      </c>
      <c r="B93" s="11"/>
      <c r="C93" s="12"/>
      <c r="D93" s="997"/>
      <c r="E93" s="998"/>
      <c r="F93" s="1004"/>
      <c r="G93" s="971"/>
      <c r="H93" s="971"/>
    </row>
    <row r="94" spans="1:8" x14ac:dyDescent="0.2">
      <c r="A94" s="10"/>
      <c r="B94" s="11"/>
      <c r="C94" s="12"/>
      <c r="D94" s="999"/>
      <c r="E94" s="1000"/>
      <c r="F94" s="1005"/>
      <c r="G94" s="973"/>
      <c r="H94" s="973"/>
    </row>
    <row r="95" spans="1:8" ht="15" customHeight="1" x14ac:dyDescent="0.2">
      <c r="A95" s="914" t="s">
        <v>385</v>
      </c>
      <c r="B95" s="983"/>
      <c r="C95" s="287"/>
      <c r="D95" s="885"/>
      <c r="E95" s="944"/>
      <c r="F95" s="885"/>
      <c r="G95" s="886"/>
      <c r="H95" s="886"/>
    </row>
    <row r="96" spans="1:8" ht="12.75" customHeight="1" x14ac:dyDescent="0.2">
      <c r="A96" s="83"/>
      <c r="B96" s="83"/>
      <c r="C96" s="83"/>
      <c r="D96" s="83"/>
      <c r="E96" s="83"/>
      <c r="F96" s="98"/>
    </row>
    <row r="97" spans="1:8" ht="12.75" customHeight="1" x14ac:dyDescent="0.2">
      <c r="A97" s="935" t="s">
        <v>449</v>
      </c>
      <c r="B97" s="908"/>
      <c r="C97" s="934" t="s">
        <v>384</v>
      </c>
      <c r="D97" s="935"/>
      <c r="E97" s="935"/>
      <c r="F97" s="935"/>
      <c r="G97" s="935"/>
      <c r="H97" s="935"/>
    </row>
    <row r="98" spans="1:8" ht="15.75" customHeight="1" x14ac:dyDescent="0.2">
      <c r="A98" s="937"/>
      <c r="B98" s="909"/>
      <c r="C98" s="938"/>
      <c r="D98" s="939"/>
      <c r="E98" s="939"/>
      <c r="F98" s="939"/>
      <c r="G98" s="939"/>
      <c r="H98" s="939"/>
    </row>
    <row r="99" spans="1:8" ht="15" customHeight="1" x14ac:dyDescent="0.2">
      <c r="A99" s="937"/>
      <c r="B99" s="909"/>
      <c r="C99" s="984" t="s">
        <v>382</v>
      </c>
      <c r="D99" s="936" t="s">
        <v>383</v>
      </c>
      <c r="E99" s="937"/>
      <c r="F99" s="934" t="s">
        <v>880</v>
      </c>
      <c r="G99" s="935"/>
      <c r="H99" s="935"/>
    </row>
    <row r="100" spans="1:8" x14ac:dyDescent="0.2">
      <c r="A100" s="937"/>
      <c r="B100" s="909"/>
      <c r="C100" s="985"/>
      <c r="D100" s="936"/>
      <c r="E100" s="937"/>
      <c r="F100" s="936"/>
      <c r="G100" s="937"/>
      <c r="H100" s="937"/>
    </row>
    <row r="101" spans="1:8" ht="15" customHeight="1" x14ac:dyDescent="0.2">
      <c r="A101" s="939"/>
      <c r="B101" s="912"/>
      <c r="C101" s="986"/>
      <c r="D101" s="938" t="s">
        <v>349</v>
      </c>
      <c r="E101" s="939"/>
      <c r="F101" s="974" t="s">
        <v>881</v>
      </c>
      <c r="G101" s="975"/>
      <c r="H101" s="975"/>
    </row>
    <row r="102" spans="1:8" x14ac:dyDescent="0.2">
      <c r="A102" s="678" t="s">
        <v>893</v>
      </c>
      <c r="B102" s="683"/>
      <c r="C102" s="690">
        <v>0</v>
      </c>
      <c r="D102" s="990"/>
      <c r="E102" s="991"/>
      <c r="F102" s="968">
        <v>0</v>
      </c>
      <c r="G102" s="969"/>
      <c r="H102" s="969"/>
    </row>
    <row r="103" spans="1:8" x14ac:dyDescent="0.2">
      <c r="A103" s="679" t="s">
        <v>791</v>
      </c>
      <c r="B103" s="684"/>
      <c r="C103" s="691">
        <v>0</v>
      </c>
      <c r="D103" s="992"/>
      <c r="E103" s="993"/>
      <c r="F103" s="970">
        <v>0</v>
      </c>
      <c r="G103" s="971"/>
      <c r="H103" s="971"/>
    </row>
    <row r="104" spans="1:8" x14ac:dyDescent="0.2">
      <c r="A104" s="10" t="s">
        <v>790</v>
      </c>
      <c r="B104" s="11"/>
      <c r="C104" s="692">
        <v>0</v>
      </c>
      <c r="D104" s="966"/>
      <c r="E104" s="967"/>
      <c r="F104" s="972">
        <v>0</v>
      </c>
      <c r="G104" s="973"/>
      <c r="H104" s="973"/>
    </row>
    <row r="105" spans="1:8" ht="15" customHeight="1" x14ac:dyDescent="0.2">
      <c r="A105" s="988" t="s">
        <v>450</v>
      </c>
      <c r="B105" s="988"/>
      <c r="C105" s="693">
        <v>0</v>
      </c>
      <c r="D105" s="976"/>
      <c r="E105" s="977"/>
      <c r="F105" s="989">
        <v>0</v>
      </c>
      <c r="G105" s="886"/>
      <c r="H105" s="886"/>
    </row>
    <row r="106" spans="1:8" x14ac:dyDescent="0.2">
      <c r="A106" s="266"/>
      <c r="B106" s="266"/>
      <c r="C106" s="266"/>
      <c r="D106" s="266"/>
      <c r="E106" s="266"/>
      <c r="F106" s="90"/>
      <c r="G106" s="90"/>
      <c r="H106" s="90"/>
    </row>
    <row r="107" spans="1:8" ht="15" customHeight="1" x14ac:dyDescent="0.2">
      <c r="A107" s="884" t="s">
        <v>236</v>
      </c>
      <c r="B107" s="984" t="s">
        <v>782</v>
      </c>
      <c r="C107" s="984" t="s">
        <v>235</v>
      </c>
      <c r="D107" s="885" t="s">
        <v>157</v>
      </c>
      <c r="E107" s="886"/>
      <c r="F107" s="885" t="s">
        <v>158</v>
      </c>
      <c r="G107" s="886"/>
      <c r="H107" s="934" t="s">
        <v>618</v>
      </c>
    </row>
    <row r="108" spans="1:8" ht="21.75" customHeight="1" x14ac:dyDescent="0.2">
      <c r="A108" s="868"/>
      <c r="B108" s="985"/>
      <c r="C108" s="985"/>
      <c r="D108" s="78" t="s">
        <v>114</v>
      </c>
      <c r="E108" s="252" t="s">
        <v>113</v>
      </c>
      <c r="F108" s="78" t="s">
        <v>114</v>
      </c>
      <c r="G108" s="252" t="s">
        <v>113</v>
      </c>
      <c r="H108" s="936"/>
    </row>
    <row r="109" spans="1:8" ht="21.75" customHeight="1" x14ac:dyDescent="0.2">
      <c r="A109" s="648" t="s">
        <v>243</v>
      </c>
      <c r="B109" s="986"/>
      <c r="C109" s="986"/>
      <c r="D109" s="646" t="s">
        <v>386</v>
      </c>
      <c r="E109" s="647" t="s">
        <v>387</v>
      </c>
      <c r="F109" s="646" t="s">
        <v>388</v>
      </c>
      <c r="G109" s="647" t="s">
        <v>389</v>
      </c>
      <c r="H109" s="938"/>
    </row>
    <row r="110" spans="1:8" x14ac:dyDescent="0.2">
      <c r="A110" s="83" t="s">
        <v>244</v>
      </c>
      <c r="B110" s="320">
        <v>54532000</v>
      </c>
      <c r="C110" s="320">
        <v>55307000</v>
      </c>
      <c r="D110" s="322">
        <v>51128855.170000002</v>
      </c>
      <c r="E110" s="353">
        <v>4.7265286419666461</v>
      </c>
      <c r="F110" s="322">
        <v>19718481.710000001</v>
      </c>
      <c r="G110" s="353">
        <v>2.8316412807290252</v>
      </c>
      <c r="H110" s="91"/>
    </row>
    <row r="111" spans="1:8" x14ac:dyDescent="0.2">
      <c r="A111" s="83" t="s">
        <v>245</v>
      </c>
      <c r="B111" s="320">
        <v>785416800</v>
      </c>
      <c r="C111" s="320">
        <v>798547500</v>
      </c>
      <c r="D111" s="322">
        <v>403814090.54000002</v>
      </c>
      <c r="E111" s="350">
        <v>37.329974602813351</v>
      </c>
      <c r="F111" s="353">
        <v>224895431.19999999</v>
      </c>
      <c r="G111" s="349">
        <v>32.295751579611562</v>
      </c>
      <c r="H111" s="92"/>
    </row>
    <row r="112" spans="1:8" x14ac:dyDescent="0.2">
      <c r="A112" s="83" t="s">
        <v>246</v>
      </c>
      <c r="B112" s="320">
        <v>100252000</v>
      </c>
      <c r="C112" s="320">
        <v>90365400</v>
      </c>
      <c r="D112" s="322">
        <v>34787806.399999999</v>
      </c>
      <c r="E112" s="350">
        <v>3.2159054372347402</v>
      </c>
      <c r="F112" s="353">
        <v>20209493.18</v>
      </c>
      <c r="G112" s="349">
        <v>2.9021522038422547</v>
      </c>
      <c r="H112" s="92"/>
    </row>
    <row r="113" spans="1:8" x14ac:dyDescent="0.2">
      <c r="A113" s="83" t="s">
        <v>247</v>
      </c>
      <c r="B113" s="320">
        <v>975100</v>
      </c>
      <c r="C113" s="320">
        <v>1725100</v>
      </c>
      <c r="D113" s="322">
        <v>673497.14</v>
      </c>
      <c r="E113" s="350">
        <v>6.2260410719315928E-2</v>
      </c>
      <c r="F113" s="353">
        <v>232779.99</v>
      </c>
      <c r="G113" s="349">
        <v>3.3428001136487577E-2</v>
      </c>
      <c r="H113" s="92"/>
    </row>
    <row r="114" spans="1:8" x14ac:dyDescent="0.2">
      <c r="A114" s="83" t="s">
        <v>248</v>
      </c>
      <c r="B114" s="320">
        <v>14751600</v>
      </c>
      <c r="C114" s="320">
        <v>15091600</v>
      </c>
      <c r="D114" s="322">
        <v>6735230.9900000002</v>
      </c>
      <c r="E114" s="350">
        <v>0.62262810459278983</v>
      </c>
      <c r="F114" s="353">
        <v>3399157.47</v>
      </c>
      <c r="G114" s="349">
        <v>0.48813061539464914</v>
      </c>
      <c r="H114" s="92"/>
    </row>
    <row r="115" spans="1:8" x14ac:dyDescent="0.2">
      <c r="A115" s="83" t="s">
        <v>249</v>
      </c>
      <c r="B115" s="320">
        <v>19989000</v>
      </c>
      <c r="C115" s="320">
        <v>20050000</v>
      </c>
      <c r="D115" s="322">
        <v>12081278.619999999</v>
      </c>
      <c r="E115" s="350">
        <v>1.1168352829169998</v>
      </c>
      <c r="F115" s="353">
        <v>10269957.050000001</v>
      </c>
      <c r="G115" s="349">
        <v>1.4748008879074128</v>
      </c>
      <c r="H115" s="92"/>
    </row>
    <row r="116" spans="1:8" ht="13.5" customHeight="1" x14ac:dyDescent="0.2">
      <c r="A116" s="88" t="s">
        <v>231</v>
      </c>
      <c r="B116" s="357">
        <v>342385000</v>
      </c>
      <c r="C116" s="357">
        <v>687719923.66999996</v>
      </c>
      <c r="D116" s="322">
        <v>572521446.52999997</v>
      </c>
      <c r="E116" s="350">
        <v>52.925867519756167</v>
      </c>
      <c r="F116" s="353">
        <v>417636976.78999996</v>
      </c>
      <c r="G116" s="349">
        <v>59.974095431378608</v>
      </c>
      <c r="H116" s="93"/>
    </row>
    <row r="117" spans="1:8" ht="15" customHeight="1" x14ac:dyDescent="0.2">
      <c r="A117" s="233" t="s">
        <v>169</v>
      </c>
      <c r="B117" s="321">
        <v>1318301500</v>
      </c>
      <c r="C117" s="321">
        <v>1668806523.6700001</v>
      </c>
      <c r="D117" s="323">
        <v>1081742205.3899999</v>
      </c>
      <c r="E117" s="352">
        <v>100.00000000000001</v>
      </c>
      <c r="F117" s="358">
        <v>696362277.38999999</v>
      </c>
      <c r="G117" s="351">
        <v>100</v>
      </c>
      <c r="H117" s="324">
        <v>0</v>
      </c>
    </row>
    <row r="118" spans="1:8" ht="10.5" customHeight="1" x14ac:dyDescent="0.2">
      <c r="A118" s="182" t="s">
        <v>846</v>
      </c>
      <c r="B118" s="325"/>
      <c r="C118" s="676"/>
      <c r="D118" s="676"/>
      <c r="E118" s="676"/>
      <c r="F118" s="676"/>
      <c r="G118" s="667"/>
      <c r="H118" s="294"/>
    </row>
    <row r="119" spans="1:8" ht="11.25" x14ac:dyDescent="0.2">
      <c r="A119" s="83" t="s">
        <v>0</v>
      </c>
      <c r="B119" s="103"/>
      <c r="C119" s="103"/>
      <c r="D119" s="83"/>
      <c r="E119" s="355"/>
      <c r="F119" s="98"/>
      <c r="G119" s="98"/>
    </row>
    <row r="120" spans="1:8" ht="11.25" x14ac:dyDescent="0.2">
      <c r="A120" s="83" t="s">
        <v>623</v>
      </c>
      <c r="B120" s="103"/>
      <c r="C120" s="103"/>
      <c r="D120" s="83"/>
      <c r="E120" s="355"/>
      <c r="F120" s="98"/>
      <c r="G120" s="98"/>
    </row>
    <row r="121" spans="1:8" ht="11.25" x14ac:dyDescent="0.2">
      <c r="A121" s="83" t="s">
        <v>624</v>
      </c>
      <c r="B121" s="103"/>
      <c r="C121" s="103"/>
      <c r="D121" s="83"/>
      <c r="E121" s="83"/>
      <c r="F121" s="98"/>
      <c r="G121" s="98"/>
    </row>
    <row r="122" spans="1:8" ht="11.25" x14ac:dyDescent="0.2">
      <c r="A122" s="18" t="s">
        <v>625</v>
      </c>
      <c r="B122" s="104"/>
      <c r="C122" s="104"/>
      <c r="D122" s="83"/>
      <c r="E122" s="83"/>
      <c r="F122" s="98"/>
      <c r="G122" s="98"/>
    </row>
    <row r="123" spans="1:8" ht="11.25" x14ac:dyDescent="0.2">
      <c r="A123" s="18" t="s">
        <v>626</v>
      </c>
    </row>
    <row r="124" spans="1:8" ht="11.25" x14ac:dyDescent="0.2">
      <c r="A124" s="105" t="s">
        <v>627</v>
      </c>
    </row>
    <row r="125" spans="1:8" x14ac:dyDescent="0.2">
      <c r="A125" s="945" t="s">
        <v>628</v>
      </c>
      <c r="B125" s="945"/>
      <c r="C125" s="945"/>
    </row>
    <row r="126" spans="1:8" x14ac:dyDescent="0.2">
      <c r="B126" s="325"/>
      <c r="C126" s="325"/>
      <c r="D126" s="325"/>
      <c r="E126" s="325"/>
    </row>
    <row r="127" spans="1:8" x14ac:dyDescent="0.2">
      <c r="B127" s="676"/>
      <c r="C127" s="676"/>
      <c r="D127" s="676"/>
      <c r="E127" s="676"/>
      <c r="F127" s="676"/>
    </row>
    <row r="129" s="45" customFormat="1" ht="11.25" customHeight="1" x14ac:dyDescent="0.2"/>
    <row r="130" s="45" customFormat="1" ht="11.25" customHeight="1" x14ac:dyDescent="0.2"/>
    <row r="131" s="45" customFormat="1" ht="11.25" customHeight="1" x14ac:dyDescent="0.2"/>
    <row r="132" s="45" customFormat="1" ht="11.25" customHeight="1" x14ac:dyDescent="0.2"/>
    <row r="133" s="45" customFormat="1" ht="11.25" customHeight="1" x14ac:dyDescent="0.2"/>
    <row r="134" s="45" customFormat="1" ht="11.25" customHeight="1" x14ac:dyDescent="0.2"/>
    <row r="135" s="45" customFormat="1" ht="11.25" customHeight="1" x14ac:dyDescent="0.2"/>
  </sheetData>
  <customSheetViews>
    <customSheetView guid="{C779D862-DE28-46CD-A428-4AAA1056D1E1}" showPageBreaks="1" showGridLines="0" fitToPage="1" printArea="1">
      <selection activeCell="F74" sqref="F74"/>
      <pageMargins left="0.19685039370078741" right="0.19685039370078741" top="0.78740157480314965" bottom="0.39370078740157483" header="0" footer="0"/>
      <printOptions horizontalCentered="1"/>
      <pageSetup paperSize="9" scale="53" fitToHeight="2" orientation="portrait" r:id="rId1"/>
    </customSheetView>
    <customSheetView guid="{82EDB5A4-4824-4632-A540-7A52C92F04C7}" scale="90" showPageBreaks="1" showGridLines="0" printArea="1" topLeftCell="A110">
      <selection activeCell="I129" sqref="I129"/>
      <pageMargins left="0.19685039370078741" right="0.19685039370078741" top="0.98425196850393704" bottom="0.78740157480314965" header="0" footer="0"/>
      <printOptions horizontalCentered="1"/>
      <pageSetup paperSize="9" scale="50" fitToHeight="2" orientation="portrait" r:id="rId2"/>
    </customSheetView>
    <customSheetView guid="{3AAF6A5F-F9AA-430B-9AD9-1261ECDF41B5}" showPageBreaks="1" showGridLines="0" printArea="1" topLeftCell="A76">
      <selection activeCell="A97" sqref="A97:B101"/>
      <rowBreaks count="1" manualBreakCount="1">
        <brk id="105" max="7" man="1"/>
      </rowBreaks>
      <pageMargins left="0.19685039370078741" right="0.19685039370078741" top="0.78740157480314965" bottom="0.39370078740157483" header="0" footer="0"/>
      <printOptions horizontalCentered="1"/>
      <pageSetup paperSize="9" scale="52" fitToHeight="2" orientation="portrait" r:id="rId3"/>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4"/>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5"/>
    </customSheetView>
    <customSheetView guid="{B4FED47C-EE37-4843-A570-282D4F8229D4}" showGridLines="0" fitToPage="1">
      <selection activeCell="A8" sqref="A8"/>
      <pageMargins left="0.19685039370078741" right="0.19685039370078741" top="0.78740157480314965" bottom="0.39370078740157483" header="0" footer="0"/>
      <printOptions horizontalCentered="1"/>
      <pageSetup paperSize="9" scale="52" fitToHeight="2" orientation="portrait" r:id="rId6"/>
    </customSheetView>
    <customSheetView guid="{6DBFA32C-4AA4-4E1D-9A48-697377C64CC3}" showPageBreaks="1" showGridLines="0" fitToPage="1" printArea="1" topLeftCell="A70">
      <selection activeCell="E83" sqref="E83"/>
      <pageMargins left="0.19685039370078741" right="0.19685039370078741" top="0.78740157480314965" bottom="0.39370078740157483" header="0" footer="0"/>
      <printOptions horizontalCentered="1"/>
      <pageSetup paperSize="9" scale="54" fitToHeight="2" orientation="portrait" r:id="rId7"/>
    </customSheetView>
    <customSheetView guid="{25EF1E0D-169B-4051-B414-7E1196FC05E4}" showPageBreaks="1" showGridLines="0" fitToPage="1" printArea="1">
      <selection activeCell="D93" sqref="D93:E93"/>
      <pageMargins left="0.19685039370078741" right="0.19685039370078741" top="0.78740157480314965" bottom="0.39370078740157483" header="0" footer="0"/>
      <printOptions horizontalCentered="1"/>
      <pageSetup paperSize="9" scale="53" fitToHeight="2" orientation="portrait" r:id="rId8"/>
    </customSheetView>
  </customSheetViews>
  <mergeCells count="170">
    <mergeCell ref="A3:H3"/>
    <mergeCell ref="A10:A12"/>
    <mergeCell ref="B10:B12"/>
    <mergeCell ref="C12:D12"/>
    <mergeCell ref="A4:H4"/>
    <mergeCell ref="A5:H5"/>
    <mergeCell ref="F92:H92"/>
    <mergeCell ref="F93:H93"/>
    <mergeCell ref="F94:H94"/>
    <mergeCell ref="C22:D22"/>
    <mergeCell ref="C23:D23"/>
    <mergeCell ref="C24:D24"/>
    <mergeCell ref="C25:D25"/>
    <mergeCell ref="D59:E59"/>
    <mergeCell ref="C44:D44"/>
    <mergeCell ref="E39:F39"/>
    <mergeCell ref="E40:F40"/>
    <mergeCell ref="E41:F41"/>
    <mergeCell ref="E42:F42"/>
    <mergeCell ref="E43:F43"/>
    <mergeCell ref="E44:F44"/>
    <mergeCell ref="G22:H22"/>
    <mergeCell ref="G23:H23"/>
    <mergeCell ref="G24:H24"/>
    <mergeCell ref="A6:H6"/>
    <mergeCell ref="A7:H7"/>
    <mergeCell ref="C10:D11"/>
    <mergeCell ref="D92:E92"/>
    <mergeCell ref="D93:E93"/>
    <mergeCell ref="D94:E94"/>
    <mergeCell ref="C35:D35"/>
    <mergeCell ref="G35:H35"/>
    <mergeCell ref="C33:D34"/>
    <mergeCell ref="B33:B35"/>
    <mergeCell ref="B46:B48"/>
    <mergeCell ref="B59:B61"/>
    <mergeCell ref="C13:D13"/>
    <mergeCell ref="C14:D14"/>
    <mergeCell ref="C15:D15"/>
    <mergeCell ref="C16:D16"/>
    <mergeCell ref="C17:D17"/>
    <mergeCell ref="C18:D18"/>
    <mergeCell ref="C19:D19"/>
    <mergeCell ref="C20:D20"/>
    <mergeCell ref="C21:D21"/>
    <mergeCell ref="E22:F22"/>
    <mergeCell ref="E23:F23"/>
    <mergeCell ref="E24:F24"/>
    <mergeCell ref="A107:A108"/>
    <mergeCell ref="D80:D81"/>
    <mergeCell ref="G80:H81"/>
    <mergeCell ref="A76:D76"/>
    <mergeCell ref="A78:D78"/>
    <mergeCell ref="C80:C81"/>
    <mergeCell ref="E80:E81"/>
    <mergeCell ref="F80:F81"/>
    <mergeCell ref="A80:B81"/>
    <mergeCell ref="A105:B105"/>
    <mergeCell ref="A97:B101"/>
    <mergeCell ref="B107:B109"/>
    <mergeCell ref="F105:H105"/>
    <mergeCell ref="C107:C109"/>
    <mergeCell ref="D95:E95"/>
    <mergeCell ref="C87:H88"/>
    <mergeCell ref="D107:E107"/>
    <mergeCell ref="C89:C91"/>
    <mergeCell ref="G84:H84"/>
    <mergeCell ref="F89:H90"/>
    <mergeCell ref="G85:H85"/>
    <mergeCell ref="D102:E102"/>
    <mergeCell ref="D103:E103"/>
    <mergeCell ref="F91:H91"/>
    <mergeCell ref="A125:C125"/>
    <mergeCell ref="E10:H10"/>
    <mergeCell ref="E11:F11"/>
    <mergeCell ref="G11:H11"/>
    <mergeCell ref="E12:F12"/>
    <mergeCell ref="C97:H98"/>
    <mergeCell ref="A87:B91"/>
    <mergeCell ref="D89:E90"/>
    <mergeCell ref="D91:E91"/>
    <mergeCell ref="G12:H12"/>
    <mergeCell ref="A33:A35"/>
    <mergeCell ref="E33:H33"/>
    <mergeCell ref="E34:F34"/>
    <mergeCell ref="G34:H34"/>
    <mergeCell ref="E35:F35"/>
    <mergeCell ref="A95:B95"/>
    <mergeCell ref="F95:H95"/>
    <mergeCell ref="C99:C101"/>
    <mergeCell ref="A46:A47"/>
    <mergeCell ref="D46:E46"/>
    <mergeCell ref="F46:G46"/>
    <mergeCell ref="H46:H48"/>
    <mergeCell ref="A58:B58"/>
    <mergeCell ref="A59:A61"/>
    <mergeCell ref="E26:F26"/>
    <mergeCell ref="E27:F27"/>
    <mergeCell ref="C26:D26"/>
    <mergeCell ref="C27:D27"/>
    <mergeCell ref="C28:D28"/>
    <mergeCell ref="E13:F13"/>
    <mergeCell ref="E14:F14"/>
    <mergeCell ref="E15:F15"/>
    <mergeCell ref="E16:F16"/>
    <mergeCell ref="E17:F17"/>
    <mergeCell ref="E18:F18"/>
    <mergeCell ref="E19:F19"/>
    <mergeCell ref="E20:F20"/>
    <mergeCell ref="E21:F21"/>
    <mergeCell ref="G13:H13"/>
    <mergeCell ref="G14:H14"/>
    <mergeCell ref="G15:H15"/>
    <mergeCell ref="G16:H16"/>
    <mergeCell ref="G17:H17"/>
    <mergeCell ref="G18:H18"/>
    <mergeCell ref="G19:H19"/>
    <mergeCell ref="G20:H20"/>
    <mergeCell ref="G21:H21"/>
    <mergeCell ref="G30:H30"/>
    <mergeCell ref="G31:H31"/>
    <mergeCell ref="C36:D36"/>
    <mergeCell ref="C37:D37"/>
    <mergeCell ref="C38:D38"/>
    <mergeCell ref="G36:H36"/>
    <mergeCell ref="G37:H37"/>
    <mergeCell ref="G38:H38"/>
    <mergeCell ref="G25:H25"/>
    <mergeCell ref="G26:H26"/>
    <mergeCell ref="G27:H27"/>
    <mergeCell ref="G28:H28"/>
    <mergeCell ref="G29:H29"/>
    <mergeCell ref="E28:F28"/>
    <mergeCell ref="E29:F29"/>
    <mergeCell ref="E30:F30"/>
    <mergeCell ref="E31:F31"/>
    <mergeCell ref="E36:F36"/>
    <mergeCell ref="E37:F37"/>
    <mergeCell ref="E38:F38"/>
    <mergeCell ref="C31:D31"/>
    <mergeCell ref="C29:D29"/>
    <mergeCell ref="C30:D30"/>
    <mergeCell ref="E25:F25"/>
    <mergeCell ref="C39:D39"/>
    <mergeCell ref="C40:D40"/>
    <mergeCell ref="C41:D41"/>
    <mergeCell ref="C42:D42"/>
    <mergeCell ref="C43:D43"/>
    <mergeCell ref="G44:H44"/>
    <mergeCell ref="E76:H76"/>
    <mergeCell ref="E78:H78"/>
    <mergeCell ref="G82:H82"/>
    <mergeCell ref="G39:H39"/>
    <mergeCell ref="G40:H40"/>
    <mergeCell ref="G41:H41"/>
    <mergeCell ref="G42:H42"/>
    <mergeCell ref="G43:H43"/>
    <mergeCell ref="F59:G59"/>
    <mergeCell ref="H59:H61"/>
    <mergeCell ref="D104:E104"/>
    <mergeCell ref="F102:H102"/>
    <mergeCell ref="F103:H103"/>
    <mergeCell ref="F104:H104"/>
    <mergeCell ref="F99:H100"/>
    <mergeCell ref="F101:H101"/>
    <mergeCell ref="F107:G107"/>
    <mergeCell ref="H107:H109"/>
    <mergeCell ref="D101:E101"/>
    <mergeCell ref="D105:E105"/>
    <mergeCell ref="D99:E100"/>
  </mergeCells>
  <printOptions horizontalCentered="1"/>
  <pageMargins left="0.19685039370078741" right="0.19685039370078741" top="0.98425196850393704" bottom="0.78740157480314965" header="0" footer="0"/>
  <pageSetup paperSize="9" scale="50" fitToHeight="2" orientation="portrait" r:id="rId9"/>
  <drawing r:id="rId1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M58"/>
  <sheetViews>
    <sheetView showGridLines="0" zoomScaleNormal="100" workbookViewId="0"/>
  </sheetViews>
  <sheetFormatPr defaultRowHeight="11.25" customHeight="1" x14ac:dyDescent="0.2"/>
  <cols>
    <col min="1" max="1" width="48.85546875" style="264" customWidth="1"/>
    <col min="2" max="2" width="14.42578125" style="264" customWidth="1"/>
    <col min="3" max="3" width="19.140625" style="264" customWidth="1"/>
    <col min="4" max="12" width="6.7109375" style="264" customWidth="1"/>
    <col min="13" max="13" width="8" style="217" customWidth="1"/>
    <col min="14" max="245" width="9.140625" style="264"/>
    <col min="246" max="246" width="32" style="264" customWidth="1"/>
    <col min="247" max="247" width="9.140625" style="264"/>
    <col min="248" max="248" width="9.140625" style="264" customWidth="1"/>
    <col min="249" max="249" width="9.140625" style="264"/>
    <col min="250" max="250" width="9.140625" style="264" customWidth="1"/>
    <col min="251" max="251" width="7" style="264" customWidth="1"/>
    <col min="252" max="252" width="9.140625" style="264" customWidth="1"/>
    <col min="253" max="253" width="7.42578125" style="264" customWidth="1"/>
    <col min="254" max="254" width="9.140625" style="264" customWidth="1"/>
    <col min="255" max="255" width="7.42578125" style="264" customWidth="1"/>
    <col min="256" max="257" width="9.140625" style="264" customWidth="1"/>
    <col min="258" max="258" width="7.42578125" style="264" customWidth="1"/>
    <col min="259" max="259" width="9.140625" style="264" customWidth="1"/>
    <col min="260" max="260" width="7.85546875" style="264" customWidth="1"/>
    <col min="261" max="262" width="9.140625" style="264" customWidth="1"/>
    <col min="263" max="263" width="7.7109375" style="264" customWidth="1"/>
    <col min="264" max="264" width="9.140625" style="264" customWidth="1"/>
    <col min="265" max="265" width="7.5703125" style="264" customWidth="1"/>
    <col min="266" max="266" width="9.140625" style="264" customWidth="1"/>
    <col min="267" max="268" width="7.7109375" style="264" customWidth="1"/>
    <col min="269" max="269" width="8" style="264" customWidth="1"/>
    <col min="270" max="501" width="9.140625" style="264"/>
    <col min="502" max="502" width="32" style="264" customWidth="1"/>
    <col min="503" max="503" width="9.140625" style="264"/>
    <col min="504" max="504" width="9.140625" style="264" customWidth="1"/>
    <col min="505" max="505" width="9.140625" style="264"/>
    <col min="506" max="506" width="9.140625" style="264" customWidth="1"/>
    <col min="507" max="507" width="7" style="264" customWidth="1"/>
    <col min="508" max="508" width="9.140625" style="264" customWidth="1"/>
    <col min="509" max="509" width="7.42578125" style="264" customWidth="1"/>
    <col min="510" max="510" width="9.140625" style="264" customWidth="1"/>
    <col min="511" max="511" width="7.42578125" style="264" customWidth="1"/>
    <col min="512" max="513" width="9.140625" style="264" customWidth="1"/>
    <col min="514" max="514" width="7.42578125" style="264" customWidth="1"/>
    <col min="515" max="515" width="9.140625" style="264" customWidth="1"/>
    <col min="516" max="516" width="7.85546875" style="264" customWidth="1"/>
    <col min="517" max="518" width="9.140625" style="264" customWidth="1"/>
    <col min="519" max="519" width="7.7109375" style="264" customWidth="1"/>
    <col min="520" max="520" width="9.140625" style="264" customWidth="1"/>
    <col min="521" max="521" width="7.5703125" style="264" customWidth="1"/>
    <col min="522" max="522" width="9.140625" style="264" customWidth="1"/>
    <col min="523" max="524" width="7.7109375" style="264" customWidth="1"/>
    <col min="525" max="525" width="8" style="264" customWidth="1"/>
    <col min="526" max="757" width="9.140625" style="264"/>
    <col min="758" max="758" width="32" style="264" customWidth="1"/>
    <col min="759" max="759" width="9.140625" style="264"/>
    <col min="760" max="760" width="9.140625" style="264" customWidth="1"/>
    <col min="761" max="761" width="9.140625" style="264"/>
    <col min="762" max="762" width="9.140625" style="264" customWidth="1"/>
    <col min="763" max="763" width="7" style="264" customWidth="1"/>
    <col min="764" max="764" width="9.140625" style="264" customWidth="1"/>
    <col min="765" max="765" width="7.42578125" style="264" customWidth="1"/>
    <col min="766" max="766" width="9.140625" style="264" customWidth="1"/>
    <col min="767" max="767" width="7.42578125" style="264" customWidth="1"/>
    <col min="768" max="769" width="9.140625" style="264" customWidth="1"/>
    <col min="770" max="770" width="7.42578125" style="264" customWidth="1"/>
    <col min="771" max="771" width="9.140625" style="264" customWidth="1"/>
    <col min="772" max="772" width="7.85546875" style="264" customWidth="1"/>
    <col min="773" max="774" width="9.140625" style="264" customWidth="1"/>
    <col min="775" max="775" width="7.7109375" style="264" customWidth="1"/>
    <col min="776" max="776" width="9.140625" style="264" customWidth="1"/>
    <col min="777" max="777" width="7.5703125" style="264" customWidth="1"/>
    <col min="778" max="778" width="9.140625" style="264" customWidth="1"/>
    <col min="779" max="780" width="7.7109375" style="264" customWidth="1"/>
    <col min="781" max="781" width="8" style="264" customWidth="1"/>
    <col min="782" max="1013" width="9.140625" style="264"/>
    <col min="1014" max="1014" width="32" style="264" customWidth="1"/>
    <col min="1015" max="1015" width="9.140625" style="264"/>
    <col min="1016" max="1016" width="9.140625" style="264" customWidth="1"/>
    <col min="1017" max="1017" width="9.140625" style="264"/>
    <col min="1018" max="1018" width="9.140625" style="264" customWidth="1"/>
    <col min="1019" max="1019" width="7" style="264" customWidth="1"/>
    <col min="1020" max="1020" width="9.140625" style="264" customWidth="1"/>
    <col min="1021" max="1021" width="7.42578125" style="264" customWidth="1"/>
    <col min="1022" max="1022" width="9.140625" style="264" customWidth="1"/>
    <col min="1023" max="1023" width="7.42578125" style="264" customWidth="1"/>
    <col min="1024" max="1025" width="9.140625" style="264" customWidth="1"/>
    <col min="1026" max="1026" width="7.42578125" style="264" customWidth="1"/>
    <col min="1027" max="1027" width="9.140625" style="264" customWidth="1"/>
    <col min="1028" max="1028" width="7.85546875" style="264" customWidth="1"/>
    <col min="1029" max="1030" width="9.140625" style="264" customWidth="1"/>
    <col min="1031" max="1031" width="7.7109375" style="264" customWidth="1"/>
    <col min="1032" max="1032" width="9.140625" style="264" customWidth="1"/>
    <col min="1033" max="1033" width="7.5703125" style="264" customWidth="1"/>
    <col min="1034" max="1034" width="9.140625" style="264" customWidth="1"/>
    <col min="1035" max="1036" width="7.7109375" style="264" customWidth="1"/>
    <col min="1037" max="1037" width="8" style="264" customWidth="1"/>
    <col min="1038" max="1269" width="9.140625" style="264"/>
    <col min="1270" max="1270" width="32" style="264" customWidth="1"/>
    <col min="1271" max="1271" width="9.140625" style="264"/>
    <col min="1272" max="1272" width="9.140625" style="264" customWidth="1"/>
    <col min="1273" max="1273" width="9.140625" style="264"/>
    <col min="1274" max="1274" width="9.140625" style="264" customWidth="1"/>
    <col min="1275" max="1275" width="7" style="264" customWidth="1"/>
    <col min="1276" max="1276" width="9.140625" style="264" customWidth="1"/>
    <col min="1277" max="1277" width="7.42578125" style="264" customWidth="1"/>
    <col min="1278" max="1278" width="9.140625" style="264" customWidth="1"/>
    <col min="1279" max="1279" width="7.42578125" style="264" customWidth="1"/>
    <col min="1280" max="1281" width="9.140625" style="264" customWidth="1"/>
    <col min="1282" max="1282" width="7.42578125" style="264" customWidth="1"/>
    <col min="1283" max="1283" width="9.140625" style="264" customWidth="1"/>
    <col min="1284" max="1284" width="7.85546875" style="264" customWidth="1"/>
    <col min="1285" max="1286" width="9.140625" style="264" customWidth="1"/>
    <col min="1287" max="1287" width="7.7109375" style="264" customWidth="1"/>
    <col min="1288" max="1288" width="9.140625" style="264" customWidth="1"/>
    <col min="1289" max="1289" width="7.5703125" style="264" customWidth="1"/>
    <col min="1290" max="1290" width="9.140625" style="264" customWidth="1"/>
    <col min="1291" max="1292" width="7.7109375" style="264" customWidth="1"/>
    <col min="1293" max="1293" width="8" style="264" customWidth="1"/>
    <col min="1294" max="1525" width="9.140625" style="264"/>
    <col min="1526" max="1526" width="32" style="264" customWidth="1"/>
    <col min="1527" max="1527" width="9.140625" style="264"/>
    <col min="1528" max="1528" width="9.140625" style="264" customWidth="1"/>
    <col min="1529" max="1529" width="9.140625" style="264"/>
    <col min="1530" max="1530" width="9.140625" style="264" customWidth="1"/>
    <col min="1531" max="1531" width="7" style="264" customWidth="1"/>
    <col min="1532" max="1532" width="9.140625" style="264" customWidth="1"/>
    <col min="1533" max="1533" width="7.42578125" style="264" customWidth="1"/>
    <col min="1534" max="1534" width="9.140625" style="264" customWidth="1"/>
    <col min="1535" max="1535" width="7.42578125" style="264" customWidth="1"/>
    <col min="1536" max="1537" width="9.140625" style="264" customWidth="1"/>
    <col min="1538" max="1538" width="7.42578125" style="264" customWidth="1"/>
    <col min="1539" max="1539" width="9.140625" style="264" customWidth="1"/>
    <col min="1540" max="1540" width="7.85546875" style="264" customWidth="1"/>
    <col min="1541" max="1542" width="9.140625" style="264" customWidth="1"/>
    <col min="1543" max="1543" width="7.7109375" style="264" customWidth="1"/>
    <col min="1544" max="1544" width="9.140625" style="264" customWidth="1"/>
    <col min="1545" max="1545" width="7.5703125" style="264" customWidth="1"/>
    <col min="1546" max="1546" width="9.140625" style="264" customWidth="1"/>
    <col min="1547" max="1548" width="7.7109375" style="264" customWidth="1"/>
    <col min="1549" max="1549" width="8" style="264" customWidth="1"/>
    <col min="1550" max="1781" width="9.140625" style="264"/>
    <col min="1782" max="1782" width="32" style="264" customWidth="1"/>
    <col min="1783" max="1783" width="9.140625" style="264"/>
    <col min="1784" max="1784" width="9.140625" style="264" customWidth="1"/>
    <col min="1785" max="1785" width="9.140625" style="264"/>
    <col min="1786" max="1786" width="9.140625" style="264" customWidth="1"/>
    <col min="1787" max="1787" width="7" style="264" customWidth="1"/>
    <col min="1788" max="1788" width="9.140625" style="264" customWidth="1"/>
    <col min="1789" max="1789" width="7.42578125" style="264" customWidth="1"/>
    <col min="1790" max="1790" width="9.140625" style="264" customWidth="1"/>
    <col min="1791" max="1791" width="7.42578125" style="264" customWidth="1"/>
    <col min="1792" max="1793" width="9.140625" style="264" customWidth="1"/>
    <col min="1794" max="1794" width="7.42578125" style="264" customWidth="1"/>
    <col min="1795" max="1795" width="9.140625" style="264" customWidth="1"/>
    <col min="1796" max="1796" width="7.85546875" style="264" customWidth="1"/>
    <col min="1797" max="1798" width="9.140625" style="264" customWidth="1"/>
    <col min="1799" max="1799" width="7.7109375" style="264" customWidth="1"/>
    <col min="1800" max="1800" width="9.140625" style="264" customWidth="1"/>
    <col min="1801" max="1801" width="7.5703125" style="264" customWidth="1"/>
    <col min="1802" max="1802" width="9.140625" style="264" customWidth="1"/>
    <col min="1803" max="1804" width="7.7109375" style="264" customWidth="1"/>
    <col min="1805" max="1805" width="8" style="264" customWidth="1"/>
    <col min="1806" max="2037" width="9.140625" style="264"/>
    <col min="2038" max="2038" width="32" style="264" customWidth="1"/>
    <col min="2039" max="2039" width="9.140625" style="264"/>
    <col min="2040" max="2040" width="9.140625" style="264" customWidth="1"/>
    <col min="2041" max="2041" width="9.140625" style="264"/>
    <col min="2042" max="2042" width="9.140625" style="264" customWidth="1"/>
    <col min="2043" max="2043" width="7" style="264" customWidth="1"/>
    <col min="2044" max="2044" width="9.140625" style="264" customWidth="1"/>
    <col min="2045" max="2045" width="7.42578125" style="264" customWidth="1"/>
    <col min="2046" max="2046" width="9.140625" style="264" customWidth="1"/>
    <col min="2047" max="2047" width="7.42578125" style="264" customWidth="1"/>
    <col min="2048" max="2049" width="9.140625" style="264" customWidth="1"/>
    <col min="2050" max="2050" width="7.42578125" style="264" customWidth="1"/>
    <col min="2051" max="2051" width="9.140625" style="264" customWidth="1"/>
    <col min="2052" max="2052" width="7.85546875" style="264" customWidth="1"/>
    <col min="2053" max="2054" width="9.140625" style="264" customWidth="1"/>
    <col min="2055" max="2055" width="7.7109375" style="264" customWidth="1"/>
    <col min="2056" max="2056" width="9.140625" style="264" customWidth="1"/>
    <col min="2057" max="2057" width="7.5703125" style="264" customWidth="1"/>
    <col min="2058" max="2058" width="9.140625" style="264" customWidth="1"/>
    <col min="2059" max="2060" width="7.7109375" style="264" customWidth="1"/>
    <col min="2061" max="2061" width="8" style="264" customWidth="1"/>
    <col min="2062" max="2293" width="9.140625" style="264"/>
    <col min="2294" max="2294" width="32" style="264" customWidth="1"/>
    <col min="2295" max="2295" width="9.140625" style="264"/>
    <col min="2296" max="2296" width="9.140625" style="264" customWidth="1"/>
    <col min="2297" max="2297" width="9.140625" style="264"/>
    <col min="2298" max="2298" width="9.140625" style="264" customWidth="1"/>
    <col min="2299" max="2299" width="7" style="264" customWidth="1"/>
    <col min="2300" max="2300" width="9.140625" style="264" customWidth="1"/>
    <col min="2301" max="2301" width="7.42578125" style="264" customWidth="1"/>
    <col min="2302" max="2302" width="9.140625" style="264" customWidth="1"/>
    <col min="2303" max="2303" width="7.42578125" style="264" customWidth="1"/>
    <col min="2304" max="2305" width="9.140625" style="264" customWidth="1"/>
    <col min="2306" max="2306" width="7.42578125" style="264" customWidth="1"/>
    <col min="2307" max="2307" width="9.140625" style="264" customWidth="1"/>
    <col min="2308" max="2308" width="7.85546875" style="264" customWidth="1"/>
    <col min="2309" max="2310" width="9.140625" style="264" customWidth="1"/>
    <col min="2311" max="2311" width="7.7109375" style="264" customWidth="1"/>
    <col min="2312" max="2312" width="9.140625" style="264" customWidth="1"/>
    <col min="2313" max="2313" width="7.5703125" style="264" customWidth="1"/>
    <col min="2314" max="2314" width="9.140625" style="264" customWidth="1"/>
    <col min="2315" max="2316" width="7.7109375" style="264" customWidth="1"/>
    <col min="2317" max="2317" width="8" style="264" customWidth="1"/>
    <col min="2318" max="2549" width="9.140625" style="264"/>
    <col min="2550" max="2550" width="32" style="264" customWidth="1"/>
    <col min="2551" max="2551" width="9.140625" style="264"/>
    <col min="2552" max="2552" width="9.140625" style="264" customWidth="1"/>
    <col min="2553" max="2553" width="9.140625" style="264"/>
    <col min="2554" max="2554" width="9.140625" style="264" customWidth="1"/>
    <col min="2555" max="2555" width="7" style="264" customWidth="1"/>
    <col min="2556" max="2556" width="9.140625" style="264" customWidth="1"/>
    <col min="2557" max="2557" width="7.42578125" style="264" customWidth="1"/>
    <col min="2558" max="2558" width="9.140625" style="264" customWidth="1"/>
    <col min="2559" max="2559" width="7.42578125" style="264" customWidth="1"/>
    <col min="2560" max="2561" width="9.140625" style="264" customWidth="1"/>
    <col min="2562" max="2562" width="7.42578125" style="264" customWidth="1"/>
    <col min="2563" max="2563" width="9.140625" style="264" customWidth="1"/>
    <col min="2564" max="2564" width="7.85546875" style="264" customWidth="1"/>
    <col min="2565" max="2566" width="9.140625" style="264" customWidth="1"/>
    <col min="2567" max="2567" width="7.7109375" style="264" customWidth="1"/>
    <col min="2568" max="2568" width="9.140625" style="264" customWidth="1"/>
    <col min="2569" max="2569" width="7.5703125" style="264" customWidth="1"/>
    <col min="2570" max="2570" width="9.140625" style="264" customWidth="1"/>
    <col min="2571" max="2572" width="7.7109375" style="264" customWidth="1"/>
    <col min="2573" max="2573" width="8" style="264" customWidth="1"/>
    <col min="2574" max="2805" width="9.140625" style="264"/>
    <col min="2806" max="2806" width="32" style="264" customWidth="1"/>
    <col min="2807" max="2807" width="9.140625" style="264"/>
    <col min="2808" max="2808" width="9.140625" style="264" customWidth="1"/>
    <col min="2809" max="2809" width="9.140625" style="264"/>
    <col min="2810" max="2810" width="9.140625" style="264" customWidth="1"/>
    <col min="2811" max="2811" width="7" style="264" customWidth="1"/>
    <col min="2812" max="2812" width="9.140625" style="264" customWidth="1"/>
    <col min="2813" max="2813" width="7.42578125" style="264" customWidth="1"/>
    <col min="2814" max="2814" width="9.140625" style="264" customWidth="1"/>
    <col min="2815" max="2815" width="7.42578125" style="264" customWidth="1"/>
    <col min="2816" max="2817" width="9.140625" style="264" customWidth="1"/>
    <col min="2818" max="2818" width="7.42578125" style="264" customWidth="1"/>
    <col min="2819" max="2819" width="9.140625" style="264" customWidth="1"/>
    <col min="2820" max="2820" width="7.85546875" style="264" customWidth="1"/>
    <col min="2821" max="2822" width="9.140625" style="264" customWidth="1"/>
    <col min="2823" max="2823" width="7.7109375" style="264" customWidth="1"/>
    <col min="2824" max="2824" width="9.140625" style="264" customWidth="1"/>
    <col min="2825" max="2825" width="7.5703125" style="264" customWidth="1"/>
    <col min="2826" max="2826" width="9.140625" style="264" customWidth="1"/>
    <col min="2827" max="2828" width="7.7109375" style="264" customWidth="1"/>
    <col min="2829" max="2829" width="8" style="264" customWidth="1"/>
    <col min="2830" max="3061" width="9.140625" style="264"/>
    <col min="3062" max="3062" width="32" style="264" customWidth="1"/>
    <col min="3063" max="3063" width="9.140625" style="264"/>
    <col min="3064" max="3064" width="9.140625" style="264" customWidth="1"/>
    <col min="3065" max="3065" width="9.140625" style="264"/>
    <col min="3066" max="3066" width="9.140625" style="264" customWidth="1"/>
    <col min="3067" max="3067" width="7" style="264" customWidth="1"/>
    <col min="3068" max="3068" width="9.140625" style="264" customWidth="1"/>
    <col min="3069" max="3069" width="7.42578125" style="264" customWidth="1"/>
    <col min="3070" max="3070" width="9.140625" style="264" customWidth="1"/>
    <col min="3071" max="3071" width="7.42578125" style="264" customWidth="1"/>
    <col min="3072" max="3073" width="9.140625" style="264" customWidth="1"/>
    <col min="3074" max="3074" width="7.42578125" style="264" customWidth="1"/>
    <col min="3075" max="3075" width="9.140625" style="264" customWidth="1"/>
    <col min="3076" max="3076" width="7.85546875" style="264" customWidth="1"/>
    <col min="3077" max="3078" width="9.140625" style="264" customWidth="1"/>
    <col min="3079" max="3079" width="7.7109375" style="264" customWidth="1"/>
    <col min="3080" max="3080" width="9.140625" style="264" customWidth="1"/>
    <col min="3081" max="3081" width="7.5703125" style="264" customWidth="1"/>
    <col min="3082" max="3082" width="9.140625" style="264" customWidth="1"/>
    <col min="3083" max="3084" width="7.7109375" style="264" customWidth="1"/>
    <col min="3085" max="3085" width="8" style="264" customWidth="1"/>
    <col min="3086" max="3317" width="9.140625" style="264"/>
    <col min="3318" max="3318" width="32" style="264" customWidth="1"/>
    <col min="3319" max="3319" width="9.140625" style="264"/>
    <col min="3320" max="3320" width="9.140625" style="264" customWidth="1"/>
    <col min="3321" max="3321" width="9.140625" style="264"/>
    <col min="3322" max="3322" width="9.140625" style="264" customWidth="1"/>
    <col min="3323" max="3323" width="7" style="264" customWidth="1"/>
    <col min="3324" max="3324" width="9.140625" style="264" customWidth="1"/>
    <col min="3325" max="3325" width="7.42578125" style="264" customWidth="1"/>
    <col min="3326" max="3326" width="9.140625" style="264" customWidth="1"/>
    <col min="3327" max="3327" width="7.42578125" style="264" customWidth="1"/>
    <col min="3328" max="3329" width="9.140625" style="264" customWidth="1"/>
    <col min="3330" max="3330" width="7.42578125" style="264" customWidth="1"/>
    <col min="3331" max="3331" width="9.140625" style="264" customWidth="1"/>
    <col min="3332" max="3332" width="7.85546875" style="264" customWidth="1"/>
    <col min="3333" max="3334" width="9.140625" style="264" customWidth="1"/>
    <col min="3335" max="3335" width="7.7109375" style="264" customWidth="1"/>
    <col min="3336" max="3336" width="9.140625" style="264" customWidth="1"/>
    <col min="3337" max="3337" width="7.5703125" style="264" customWidth="1"/>
    <col min="3338" max="3338" width="9.140625" style="264" customWidth="1"/>
    <col min="3339" max="3340" width="7.7109375" style="264" customWidth="1"/>
    <col min="3341" max="3341" width="8" style="264" customWidth="1"/>
    <col min="3342" max="3573" width="9.140625" style="264"/>
    <col min="3574" max="3574" width="32" style="264" customWidth="1"/>
    <col min="3575" max="3575" width="9.140625" style="264"/>
    <col min="3576" max="3576" width="9.140625" style="264" customWidth="1"/>
    <col min="3577" max="3577" width="9.140625" style="264"/>
    <col min="3578" max="3578" width="9.140625" style="264" customWidth="1"/>
    <col min="3579" max="3579" width="7" style="264" customWidth="1"/>
    <col min="3580" max="3580" width="9.140625" style="264" customWidth="1"/>
    <col min="3581" max="3581" width="7.42578125" style="264" customWidth="1"/>
    <col min="3582" max="3582" width="9.140625" style="264" customWidth="1"/>
    <col min="3583" max="3583" width="7.42578125" style="264" customWidth="1"/>
    <col min="3584" max="3585" width="9.140625" style="264" customWidth="1"/>
    <col min="3586" max="3586" width="7.42578125" style="264" customWidth="1"/>
    <col min="3587" max="3587" width="9.140625" style="264" customWidth="1"/>
    <col min="3588" max="3588" width="7.85546875" style="264" customWidth="1"/>
    <col min="3589" max="3590" width="9.140625" style="264" customWidth="1"/>
    <col min="3591" max="3591" width="7.7109375" style="264" customWidth="1"/>
    <col min="3592" max="3592" width="9.140625" style="264" customWidth="1"/>
    <col min="3593" max="3593" width="7.5703125" style="264" customWidth="1"/>
    <col min="3594" max="3594" width="9.140625" style="264" customWidth="1"/>
    <col min="3595" max="3596" width="7.7109375" style="264" customWidth="1"/>
    <col min="3597" max="3597" width="8" style="264" customWidth="1"/>
    <col min="3598" max="3829" width="9.140625" style="264"/>
    <col min="3830" max="3830" width="32" style="264" customWidth="1"/>
    <col min="3831" max="3831" width="9.140625" style="264"/>
    <col min="3832" max="3832" width="9.140625" style="264" customWidth="1"/>
    <col min="3833" max="3833" width="9.140625" style="264"/>
    <col min="3834" max="3834" width="9.140625" style="264" customWidth="1"/>
    <col min="3835" max="3835" width="7" style="264" customWidth="1"/>
    <col min="3836" max="3836" width="9.140625" style="264" customWidth="1"/>
    <col min="3837" max="3837" width="7.42578125" style="264" customWidth="1"/>
    <col min="3838" max="3838" width="9.140625" style="264" customWidth="1"/>
    <col min="3839" max="3839" width="7.42578125" style="264" customWidth="1"/>
    <col min="3840" max="3841" width="9.140625" style="264" customWidth="1"/>
    <col min="3842" max="3842" width="7.42578125" style="264" customWidth="1"/>
    <col min="3843" max="3843" width="9.140625" style="264" customWidth="1"/>
    <col min="3844" max="3844" width="7.85546875" style="264" customWidth="1"/>
    <col min="3845" max="3846" width="9.140625" style="264" customWidth="1"/>
    <col min="3847" max="3847" width="7.7109375" style="264" customWidth="1"/>
    <col min="3848" max="3848" width="9.140625" style="264" customWidth="1"/>
    <col min="3849" max="3849" width="7.5703125" style="264" customWidth="1"/>
    <col min="3850" max="3850" width="9.140625" style="264" customWidth="1"/>
    <col min="3851" max="3852" width="7.7109375" style="264" customWidth="1"/>
    <col min="3853" max="3853" width="8" style="264" customWidth="1"/>
    <col min="3854" max="4085" width="9.140625" style="264"/>
    <col min="4086" max="4086" width="32" style="264" customWidth="1"/>
    <col min="4087" max="4087" width="9.140625" style="264"/>
    <col min="4088" max="4088" width="9.140625" style="264" customWidth="1"/>
    <col min="4089" max="4089" width="9.140625" style="264"/>
    <col min="4090" max="4090" width="9.140625" style="264" customWidth="1"/>
    <col min="4091" max="4091" width="7" style="264" customWidth="1"/>
    <col min="4092" max="4092" width="9.140625" style="264" customWidth="1"/>
    <col min="4093" max="4093" width="7.42578125" style="264" customWidth="1"/>
    <col min="4094" max="4094" width="9.140625" style="264" customWidth="1"/>
    <col min="4095" max="4095" width="7.42578125" style="264" customWidth="1"/>
    <col min="4096" max="4097" width="9.140625" style="264" customWidth="1"/>
    <col min="4098" max="4098" width="7.42578125" style="264" customWidth="1"/>
    <col min="4099" max="4099" width="9.140625" style="264" customWidth="1"/>
    <col min="4100" max="4100" width="7.85546875" style="264" customWidth="1"/>
    <col min="4101" max="4102" width="9.140625" style="264" customWidth="1"/>
    <col min="4103" max="4103" width="7.7109375" style="264" customWidth="1"/>
    <col min="4104" max="4104" width="9.140625" style="264" customWidth="1"/>
    <col min="4105" max="4105" width="7.5703125" style="264" customWidth="1"/>
    <col min="4106" max="4106" width="9.140625" style="264" customWidth="1"/>
    <col min="4107" max="4108" width="7.7109375" style="264" customWidth="1"/>
    <col min="4109" max="4109" width="8" style="264" customWidth="1"/>
    <col min="4110" max="4341" width="9.140625" style="264"/>
    <col min="4342" max="4342" width="32" style="264" customWidth="1"/>
    <col min="4343" max="4343" width="9.140625" style="264"/>
    <col min="4344" max="4344" width="9.140625" style="264" customWidth="1"/>
    <col min="4345" max="4345" width="9.140625" style="264"/>
    <col min="4346" max="4346" width="9.140625" style="264" customWidth="1"/>
    <col min="4347" max="4347" width="7" style="264" customWidth="1"/>
    <col min="4348" max="4348" width="9.140625" style="264" customWidth="1"/>
    <col min="4349" max="4349" width="7.42578125" style="264" customWidth="1"/>
    <col min="4350" max="4350" width="9.140625" style="264" customWidth="1"/>
    <col min="4351" max="4351" width="7.42578125" style="264" customWidth="1"/>
    <col min="4352" max="4353" width="9.140625" style="264" customWidth="1"/>
    <col min="4354" max="4354" width="7.42578125" style="264" customWidth="1"/>
    <col min="4355" max="4355" width="9.140625" style="264" customWidth="1"/>
    <col min="4356" max="4356" width="7.85546875" style="264" customWidth="1"/>
    <col min="4357" max="4358" width="9.140625" style="264" customWidth="1"/>
    <col min="4359" max="4359" width="7.7109375" style="264" customWidth="1"/>
    <col min="4360" max="4360" width="9.140625" style="264" customWidth="1"/>
    <col min="4361" max="4361" width="7.5703125" style="264" customWidth="1"/>
    <col min="4362" max="4362" width="9.140625" style="264" customWidth="1"/>
    <col min="4363" max="4364" width="7.7109375" style="264" customWidth="1"/>
    <col min="4365" max="4365" width="8" style="264" customWidth="1"/>
    <col min="4366" max="4597" width="9.140625" style="264"/>
    <col min="4598" max="4598" width="32" style="264" customWidth="1"/>
    <col min="4599" max="4599" width="9.140625" style="264"/>
    <col min="4600" max="4600" width="9.140625" style="264" customWidth="1"/>
    <col min="4601" max="4601" width="9.140625" style="264"/>
    <col min="4602" max="4602" width="9.140625" style="264" customWidth="1"/>
    <col min="4603" max="4603" width="7" style="264" customWidth="1"/>
    <col min="4604" max="4604" width="9.140625" style="264" customWidth="1"/>
    <col min="4605" max="4605" width="7.42578125" style="264" customWidth="1"/>
    <col min="4606" max="4606" width="9.140625" style="264" customWidth="1"/>
    <col min="4607" max="4607" width="7.42578125" style="264" customWidth="1"/>
    <col min="4608" max="4609" width="9.140625" style="264" customWidth="1"/>
    <col min="4610" max="4610" width="7.42578125" style="264" customWidth="1"/>
    <col min="4611" max="4611" width="9.140625" style="264" customWidth="1"/>
    <col min="4612" max="4612" width="7.85546875" style="264" customWidth="1"/>
    <col min="4613" max="4614" width="9.140625" style="264" customWidth="1"/>
    <col min="4615" max="4615" width="7.7109375" style="264" customWidth="1"/>
    <col min="4616" max="4616" width="9.140625" style="264" customWidth="1"/>
    <col min="4617" max="4617" width="7.5703125" style="264" customWidth="1"/>
    <col min="4618" max="4618" width="9.140625" style="264" customWidth="1"/>
    <col min="4619" max="4620" width="7.7109375" style="264" customWidth="1"/>
    <col min="4621" max="4621" width="8" style="264" customWidth="1"/>
    <col min="4622" max="4853" width="9.140625" style="264"/>
    <col min="4854" max="4854" width="32" style="264" customWidth="1"/>
    <col min="4855" max="4855" width="9.140625" style="264"/>
    <col min="4856" max="4856" width="9.140625" style="264" customWidth="1"/>
    <col min="4857" max="4857" width="9.140625" style="264"/>
    <col min="4858" max="4858" width="9.140625" style="264" customWidth="1"/>
    <col min="4859" max="4859" width="7" style="264" customWidth="1"/>
    <col min="4860" max="4860" width="9.140625" style="264" customWidth="1"/>
    <col min="4861" max="4861" width="7.42578125" style="264" customWidth="1"/>
    <col min="4862" max="4862" width="9.140625" style="264" customWidth="1"/>
    <col min="4863" max="4863" width="7.42578125" style="264" customWidth="1"/>
    <col min="4864" max="4865" width="9.140625" style="264" customWidth="1"/>
    <col min="4866" max="4866" width="7.42578125" style="264" customWidth="1"/>
    <col min="4867" max="4867" width="9.140625" style="264" customWidth="1"/>
    <col min="4868" max="4868" width="7.85546875" style="264" customWidth="1"/>
    <col min="4869" max="4870" width="9.140625" style="264" customWidth="1"/>
    <col min="4871" max="4871" width="7.7109375" style="264" customWidth="1"/>
    <col min="4872" max="4872" width="9.140625" style="264" customWidth="1"/>
    <col min="4873" max="4873" width="7.5703125" style="264" customWidth="1"/>
    <col min="4874" max="4874" width="9.140625" style="264" customWidth="1"/>
    <col min="4875" max="4876" width="7.7109375" style="264" customWidth="1"/>
    <col min="4877" max="4877" width="8" style="264" customWidth="1"/>
    <col min="4878" max="5109" width="9.140625" style="264"/>
    <col min="5110" max="5110" width="32" style="264" customWidth="1"/>
    <col min="5111" max="5111" width="9.140625" style="264"/>
    <col min="5112" max="5112" width="9.140625" style="264" customWidth="1"/>
    <col min="5113" max="5113" width="9.140625" style="264"/>
    <col min="5114" max="5114" width="9.140625" style="264" customWidth="1"/>
    <col min="5115" max="5115" width="7" style="264" customWidth="1"/>
    <col min="5116" max="5116" width="9.140625" style="264" customWidth="1"/>
    <col min="5117" max="5117" width="7.42578125" style="264" customWidth="1"/>
    <col min="5118" max="5118" width="9.140625" style="264" customWidth="1"/>
    <col min="5119" max="5119" width="7.42578125" style="264" customWidth="1"/>
    <col min="5120" max="5121" width="9.140625" style="264" customWidth="1"/>
    <col min="5122" max="5122" width="7.42578125" style="264" customWidth="1"/>
    <col min="5123" max="5123" width="9.140625" style="264" customWidth="1"/>
    <col min="5124" max="5124" width="7.85546875" style="264" customWidth="1"/>
    <col min="5125" max="5126" width="9.140625" style="264" customWidth="1"/>
    <col min="5127" max="5127" width="7.7109375" style="264" customWidth="1"/>
    <col min="5128" max="5128" width="9.140625" style="264" customWidth="1"/>
    <col min="5129" max="5129" width="7.5703125" style="264" customWidth="1"/>
    <col min="5130" max="5130" width="9.140625" style="264" customWidth="1"/>
    <col min="5131" max="5132" width="7.7109375" style="264" customWidth="1"/>
    <col min="5133" max="5133" width="8" style="264" customWidth="1"/>
    <col min="5134" max="5365" width="9.140625" style="264"/>
    <col min="5366" max="5366" width="32" style="264" customWidth="1"/>
    <col min="5367" max="5367" width="9.140625" style="264"/>
    <col min="5368" max="5368" width="9.140625" style="264" customWidth="1"/>
    <col min="5369" max="5369" width="9.140625" style="264"/>
    <col min="5370" max="5370" width="9.140625" style="264" customWidth="1"/>
    <col min="5371" max="5371" width="7" style="264" customWidth="1"/>
    <col min="5372" max="5372" width="9.140625" style="264" customWidth="1"/>
    <col min="5373" max="5373" width="7.42578125" style="264" customWidth="1"/>
    <col min="5374" max="5374" width="9.140625" style="264" customWidth="1"/>
    <col min="5375" max="5375" width="7.42578125" style="264" customWidth="1"/>
    <col min="5376" max="5377" width="9.140625" style="264" customWidth="1"/>
    <col min="5378" max="5378" width="7.42578125" style="264" customWidth="1"/>
    <col min="5379" max="5379" width="9.140625" style="264" customWidth="1"/>
    <col min="5380" max="5380" width="7.85546875" style="264" customWidth="1"/>
    <col min="5381" max="5382" width="9.140625" style="264" customWidth="1"/>
    <col min="5383" max="5383" width="7.7109375" style="264" customWidth="1"/>
    <col min="5384" max="5384" width="9.140625" style="264" customWidth="1"/>
    <col min="5385" max="5385" width="7.5703125" style="264" customWidth="1"/>
    <col min="5386" max="5386" width="9.140625" style="264" customWidth="1"/>
    <col min="5387" max="5388" width="7.7109375" style="264" customWidth="1"/>
    <col min="5389" max="5389" width="8" style="264" customWidth="1"/>
    <col min="5390" max="5621" width="9.140625" style="264"/>
    <col min="5622" max="5622" width="32" style="264" customWidth="1"/>
    <col min="5623" max="5623" width="9.140625" style="264"/>
    <col min="5624" max="5624" width="9.140625" style="264" customWidth="1"/>
    <col min="5625" max="5625" width="9.140625" style="264"/>
    <col min="5626" max="5626" width="9.140625" style="264" customWidth="1"/>
    <col min="5627" max="5627" width="7" style="264" customWidth="1"/>
    <col min="5628" max="5628" width="9.140625" style="264" customWidth="1"/>
    <col min="5629" max="5629" width="7.42578125" style="264" customWidth="1"/>
    <col min="5630" max="5630" width="9.140625" style="264" customWidth="1"/>
    <col min="5631" max="5631" width="7.42578125" style="264" customWidth="1"/>
    <col min="5632" max="5633" width="9.140625" style="264" customWidth="1"/>
    <col min="5634" max="5634" width="7.42578125" style="264" customWidth="1"/>
    <col min="5635" max="5635" width="9.140625" style="264" customWidth="1"/>
    <col min="5636" max="5636" width="7.85546875" style="264" customWidth="1"/>
    <col min="5637" max="5638" width="9.140625" style="264" customWidth="1"/>
    <col min="5639" max="5639" width="7.7109375" style="264" customWidth="1"/>
    <col min="5640" max="5640" width="9.140625" style="264" customWidth="1"/>
    <col min="5641" max="5641" width="7.5703125" style="264" customWidth="1"/>
    <col min="5642" max="5642" width="9.140625" style="264" customWidth="1"/>
    <col min="5643" max="5644" width="7.7109375" style="264" customWidth="1"/>
    <col min="5645" max="5645" width="8" style="264" customWidth="1"/>
    <col min="5646" max="5877" width="9.140625" style="264"/>
    <col min="5878" max="5878" width="32" style="264" customWidth="1"/>
    <col min="5879" max="5879" width="9.140625" style="264"/>
    <col min="5880" max="5880" width="9.140625" style="264" customWidth="1"/>
    <col min="5881" max="5881" width="9.140625" style="264"/>
    <col min="5882" max="5882" width="9.140625" style="264" customWidth="1"/>
    <col min="5883" max="5883" width="7" style="264" customWidth="1"/>
    <col min="5884" max="5884" width="9.140625" style="264" customWidth="1"/>
    <col min="5885" max="5885" width="7.42578125" style="264" customWidth="1"/>
    <col min="5886" max="5886" width="9.140625" style="264" customWidth="1"/>
    <col min="5887" max="5887" width="7.42578125" style="264" customWidth="1"/>
    <col min="5888" max="5889" width="9.140625" style="264" customWidth="1"/>
    <col min="5890" max="5890" width="7.42578125" style="264" customWidth="1"/>
    <col min="5891" max="5891" width="9.140625" style="264" customWidth="1"/>
    <col min="5892" max="5892" width="7.85546875" style="264" customWidth="1"/>
    <col min="5893" max="5894" width="9.140625" style="264" customWidth="1"/>
    <col min="5895" max="5895" width="7.7109375" style="264" customWidth="1"/>
    <col min="5896" max="5896" width="9.140625" style="264" customWidth="1"/>
    <col min="5897" max="5897" width="7.5703125" style="264" customWidth="1"/>
    <col min="5898" max="5898" width="9.140625" style="264" customWidth="1"/>
    <col min="5899" max="5900" width="7.7109375" style="264" customWidth="1"/>
    <col min="5901" max="5901" width="8" style="264" customWidth="1"/>
    <col min="5902" max="6133" width="9.140625" style="264"/>
    <col min="6134" max="6134" width="32" style="264" customWidth="1"/>
    <col min="6135" max="6135" width="9.140625" style="264"/>
    <col min="6136" max="6136" width="9.140625" style="264" customWidth="1"/>
    <col min="6137" max="6137" width="9.140625" style="264"/>
    <col min="6138" max="6138" width="9.140625" style="264" customWidth="1"/>
    <col min="6139" max="6139" width="7" style="264" customWidth="1"/>
    <col min="6140" max="6140" width="9.140625" style="264" customWidth="1"/>
    <col min="6141" max="6141" width="7.42578125" style="264" customWidth="1"/>
    <col min="6142" max="6142" width="9.140625" style="264" customWidth="1"/>
    <col min="6143" max="6143" width="7.42578125" style="264" customWidth="1"/>
    <col min="6144" max="6145" width="9.140625" style="264" customWidth="1"/>
    <col min="6146" max="6146" width="7.42578125" style="264" customWidth="1"/>
    <col min="6147" max="6147" width="9.140625" style="264" customWidth="1"/>
    <col min="6148" max="6148" width="7.85546875" style="264" customWidth="1"/>
    <col min="6149" max="6150" width="9.140625" style="264" customWidth="1"/>
    <col min="6151" max="6151" width="7.7109375" style="264" customWidth="1"/>
    <col min="6152" max="6152" width="9.140625" style="264" customWidth="1"/>
    <col min="6153" max="6153" width="7.5703125" style="264" customWidth="1"/>
    <col min="6154" max="6154" width="9.140625" style="264" customWidth="1"/>
    <col min="6155" max="6156" width="7.7109375" style="264" customWidth="1"/>
    <col min="6157" max="6157" width="8" style="264" customWidth="1"/>
    <col min="6158" max="6389" width="9.140625" style="264"/>
    <col min="6390" max="6390" width="32" style="264" customWidth="1"/>
    <col min="6391" max="6391" width="9.140625" style="264"/>
    <col min="6392" max="6392" width="9.140625" style="264" customWidth="1"/>
    <col min="6393" max="6393" width="9.140625" style="264"/>
    <col min="6394" max="6394" width="9.140625" style="264" customWidth="1"/>
    <col min="6395" max="6395" width="7" style="264" customWidth="1"/>
    <col min="6396" max="6396" width="9.140625" style="264" customWidth="1"/>
    <col min="6397" max="6397" width="7.42578125" style="264" customWidth="1"/>
    <col min="6398" max="6398" width="9.140625" style="264" customWidth="1"/>
    <col min="6399" max="6399" width="7.42578125" style="264" customWidth="1"/>
    <col min="6400" max="6401" width="9.140625" style="264" customWidth="1"/>
    <col min="6402" max="6402" width="7.42578125" style="264" customWidth="1"/>
    <col min="6403" max="6403" width="9.140625" style="264" customWidth="1"/>
    <col min="6404" max="6404" width="7.85546875" style="264" customWidth="1"/>
    <col min="6405" max="6406" width="9.140625" style="264" customWidth="1"/>
    <col min="6407" max="6407" width="7.7109375" style="264" customWidth="1"/>
    <col min="6408" max="6408" width="9.140625" style="264" customWidth="1"/>
    <col min="6409" max="6409" width="7.5703125" style="264" customWidth="1"/>
    <col min="6410" max="6410" width="9.140625" style="264" customWidth="1"/>
    <col min="6411" max="6412" width="7.7109375" style="264" customWidth="1"/>
    <col min="6413" max="6413" width="8" style="264" customWidth="1"/>
    <col min="6414" max="6645" width="9.140625" style="264"/>
    <col min="6646" max="6646" width="32" style="264" customWidth="1"/>
    <col min="6647" max="6647" width="9.140625" style="264"/>
    <col min="6648" max="6648" width="9.140625" style="264" customWidth="1"/>
    <col min="6649" max="6649" width="9.140625" style="264"/>
    <col min="6650" max="6650" width="9.140625" style="264" customWidth="1"/>
    <col min="6651" max="6651" width="7" style="264" customWidth="1"/>
    <col min="6652" max="6652" width="9.140625" style="264" customWidth="1"/>
    <col min="6653" max="6653" width="7.42578125" style="264" customWidth="1"/>
    <col min="6654" max="6654" width="9.140625" style="264" customWidth="1"/>
    <col min="6655" max="6655" width="7.42578125" style="264" customWidth="1"/>
    <col min="6656" max="6657" width="9.140625" style="264" customWidth="1"/>
    <col min="6658" max="6658" width="7.42578125" style="264" customWidth="1"/>
    <col min="6659" max="6659" width="9.140625" style="264" customWidth="1"/>
    <col min="6660" max="6660" width="7.85546875" style="264" customWidth="1"/>
    <col min="6661" max="6662" width="9.140625" style="264" customWidth="1"/>
    <col min="6663" max="6663" width="7.7109375" style="264" customWidth="1"/>
    <col min="6664" max="6664" width="9.140625" style="264" customWidth="1"/>
    <col min="6665" max="6665" width="7.5703125" style="264" customWidth="1"/>
    <col min="6666" max="6666" width="9.140625" style="264" customWidth="1"/>
    <col min="6667" max="6668" width="7.7109375" style="264" customWidth="1"/>
    <col min="6669" max="6669" width="8" style="264" customWidth="1"/>
    <col min="6670" max="6901" width="9.140625" style="264"/>
    <col min="6902" max="6902" width="32" style="264" customWidth="1"/>
    <col min="6903" max="6903" width="9.140625" style="264"/>
    <col min="6904" max="6904" width="9.140625" style="264" customWidth="1"/>
    <col min="6905" max="6905" width="9.140625" style="264"/>
    <col min="6906" max="6906" width="9.140625" style="264" customWidth="1"/>
    <col min="6907" max="6907" width="7" style="264" customWidth="1"/>
    <col min="6908" max="6908" width="9.140625" style="264" customWidth="1"/>
    <col min="6909" max="6909" width="7.42578125" style="264" customWidth="1"/>
    <col min="6910" max="6910" width="9.140625" style="264" customWidth="1"/>
    <col min="6911" max="6911" width="7.42578125" style="264" customWidth="1"/>
    <col min="6912" max="6913" width="9.140625" style="264" customWidth="1"/>
    <col min="6914" max="6914" width="7.42578125" style="264" customWidth="1"/>
    <col min="6915" max="6915" width="9.140625" style="264" customWidth="1"/>
    <col min="6916" max="6916" width="7.85546875" style="264" customWidth="1"/>
    <col min="6917" max="6918" width="9.140625" style="264" customWidth="1"/>
    <col min="6919" max="6919" width="7.7109375" style="264" customWidth="1"/>
    <col min="6920" max="6920" width="9.140625" style="264" customWidth="1"/>
    <col min="6921" max="6921" width="7.5703125" style="264" customWidth="1"/>
    <col min="6922" max="6922" width="9.140625" style="264" customWidth="1"/>
    <col min="6923" max="6924" width="7.7109375" style="264" customWidth="1"/>
    <col min="6925" max="6925" width="8" style="264" customWidth="1"/>
    <col min="6926" max="7157" width="9.140625" style="264"/>
    <col min="7158" max="7158" width="32" style="264" customWidth="1"/>
    <col min="7159" max="7159" width="9.140625" style="264"/>
    <col min="7160" max="7160" width="9.140625" style="264" customWidth="1"/>
    <col min="7161" max="7161" width="9.140625" style="264"/>
    <col min="7162" max="7162" width="9.140625" style="264" customWidth="1"/>
    <col min="7163" max="7163" width="7" style="264" customWidth="1"/>
    <col min="7164" max="7164" width="9.140625" style="264" customWidth="1"/>
    <col min="7165" max="7165" width="7.42578125" style="264" customWidth="1"/>
    <col min="7166" max="7166" width="9.140625" style="264" customWidth="1"/>
    <col min="7167" max="7167" width="7.42578125" style="264" customWidth="1"/>
    <col min="7168" max="7169" width="9.140625" style="264" customWidth="1"/>
    <col min="7170" max="7170" width="7.42578125" style="264" customWidth="1"/>
    <col min="7171" max="7171" width="9.140625" style="264" customWidth="1"/>
    <col min="7172" max="7172" width="7.85546875" style="264" customWidth="1"/>
    <col min="7173" max="7174" width="9.140625" style="264" customWidth="1"/>
    <col min="7175" max="7175" width="7.7109375" style="264" customWidth="1"/>
    <col min="7176" max="7176" width="9.140625" style="264" customWidth="1"/>
    <col min="7177" max="7177" width="7.5703125" style="264" customWidth="1"/>
    <col min="7178" max="7178" width="9.140625" style="264" customWidth="1"/>
    <col min="7179" max="7180" width="7.7109375" style="264" customWidth="1"/>
    <col min="7181" max="7181" width="8" style="264" customWidth="1"/>
    <col min="7182" max="7413" width="9.140625" style="264"/>
    <col min="7414" max="7414" width="32" style="264" customWidth="1"/>
    <col min="7415" max="7415" width="9.140625" style="264"/>
    <col min="7416" max="7416" width="9.140625" style="264" customWidth="1"/>
    <col min="7417" max="7417" width="9.140625" style="264"/>
    <col min="7418" max="7418" width="9.140625" style="264" customWidth="1"/>
    <col min="7419" max="7419" width="7" style="264" customWidth="1"/>
    <col min="7420" max="7420" width="9.140625" style="264" customWidth="1"/>
    <col min="7421" max="7421" width="7.42578125" style="264" customWidth="1"/>
    <col min="7422" max="7422" width="9.140625" style="264" customWidth="1"/>
    <col min="7423" max="7423" width="7.42578125" style="264" customWidth="1"/>
    <col min="7424" max="7425" width="9.140625" style="264" customWidth="1"/>
    <col min="7426" max="7426" width="7.42578125" style="264" customWidth="1"/>
    <col min="7427" max="7427" width="9.140625" style="264" customWidth="1"/>
    <col min="7428" max="7428" width="7.85546875" style="264" customWidth="1"/>
    <col min="7429" max="7430" width="9.140625" style="264" customWidth="1"/>
    <col min="7431" max="7431" width="7.7109375" style="264" customWidth="1"/>
    <col min="7432" max="7432" width="9.140625" style="264" customWidth="1"/>
    <col min="7433" max="7433" width="7.5703125" style="264" customWidth="1"/>
    <col min="7434" max="7434" width="9.140625" style="264" customWidth="1"/>
    <col min="7435" max="7436" width="7.7109375" style="264" customWidth="1"/>
    <col min="7437" max="7437" width="8" style="264" customWidth="1"/>
    <col min="7438" max="7669" width="9.140625" style="264"/>
    <col min="7670" max="7670" width="32" style="264" customWidth="1"/>
    <col min="7671" max="7671" width="9.140625" style="264"/>
    <col min="7672" max="7672" width="9.140625" style="264" customWidth="1"/>
    <col min="7673" max="7673" width="9.140625" style="264"/>
    <col min="7674" max="7674" width="9.140625" style="264" customWidth="1"/>
    <col min="7675" max="7675" width="7" style="264" customWidth="1"/>
    <col min="7676" max="7676" width="9.140625" style="264" customWidth="1"/>
    <col min="7677" max="7677" width="7.42578125" style="264" customWidth="1"/>
    <col min="7678" max="7678" width="9.140625" style="264" customWidth="1"/>
    <col min="7679" max="7679" width="7.42578125" style="264" customWidth="1"/>
    <col min="7680" max="7681" width="9.140625" style="264" customWidth="1"/>
    <col min="7682" max="7682" width="7.42578125" style="264" customWidth="1"/>
    <col min="7683" max="7683" width="9.140625" style="264" customWidth="1"/>
    <col min="7684" max="7684" width="7.85546875" style="264" customWidth="1"/>
    <col min="7685" max="7686" width="9.140625" style="264" customWidth="1"/>
    <col min="7687" max="7687" width="7.7109375" style="264" customWidth="1"/>
    <col min="7688" max="7688" width="9.140625" style="264" customWidth="1"/>
    <col min="7689" max="7689" width="7.5703125" style="264" customWidth="1"/>
    <col min="7690" max="7690" width="9.140625" style="264" customWidth="1"/>
    <col min="7691" max="7692" width="7.7109375" style="264" customWidth="1"/>
    <col min="7693" max="7693" width="8" style="264" customWidth="1"/>
    <col min="7694" max="7925" width="9.140625" style="264"/>
    <col min="7926" max="7926" width="32" style="264" customWidth="1"/>
    <col min="7927" max="7927" width="9.140625" style="264"/>
    <col min="7928" max="7928" width="9.140625" style="264" customWidth="1"/>
    <col min="7929" max="7929" width="9.140625" style="264"/>
    <col min="7930" max="7930" width="9.140625" style="264" customWidth="1"/>
    <col min="7931" max="7931" width="7" style="264" customWidth="1"/>
    <col min="7932" max="7932" width="9.140625" style="264" customWidth="1"/>
    <col min="7933" max="7933" width="7.42578125" style="264" customWidth="1"/>
    <col min="7934" max="7934" width="9.140625" style="264" customWidth="1"/>
    <col min="7935" max="7935" width="7.42578125" style="264" customWidth="1"/>
    <col min="7936" max="7937" width="9.140625" style="264" customWidth="1"/>
    <col min="7938" max="7938" width="7.42578125" style="264" customWidth="1"/>
    <col min="7939" max="7939" width="9.140625" style="264" customWidth="1"/>
    <col min="7940" max="7940" width="7.85546875" style="264" customWidth="1"/>
    <col min="7941" max="7942" width="9.140625" style="264" customWidth="1"/>
    <col min="7943" max="7943" width="7.7109375" style="264" customWidth="1"/>
    <col min="7944" max="7944" width="9.140625" style="264" customWidth="1"/>
    <col min="7945" max="7945" width="7.5703125" style="264" customWidth="1"/>
    <col min="7946" max="7946" width="9.140625" style="264" customWidth="1"/>
    <col min="7947" max="7948" width="7.7109375" style="264" customWidth="1"/>
    <col min="7949" max="7949" width="8" style="264" customWidth="1"/>
    <col min="7950" max="8181" width="9.140625" style="264"/>
    <col min="8182" max="8182" width="32" style="264" customWidth="1"/>
    <col min="8183" max="8183" width="9.140625" style="264"/>
    <col min="8184" max="8184" width="9.140625" style="264" customWidth="1"/>
    <col min="8185" max="8185" width="9.140625" style="264"/>
    <col min="8186" max="8186" width="9.140625" style="264" customWidth="1"/>
    <col min="8187" max="8187" width="7" style="264" customWidth="1"/>
    <col min="8188" max="8188" width="9.140625" style="264" customWidth="1"/>
    <col min="8189" max="8189" width="7.42578125" style="264" customWidth="1"/>
    <col min="8190" max="8190" width="9.140625" style="264" customWidth="1"/>
    <col min="8191" max="8191" width="7.42578125" style="264" customWidth="1"/>
    <col min="8192" max="8193" width="9.140625" style="264" customWidth="1"/>
    <col min="8194" max="8194" width="7.42578125" style="264" customWidth="1"/>
    <col min="8195" max="8195" width="9.140625" style="264" customWidth="1"/>
    <col min="8196" max="8196" width="7.85546875" style="264" customWidth="1"/>
    <col min="8197" max="8198" width="9.140625" style="264" customWidth="1"/>
    <col min="8199" max="8199" width="7.7109375" style="264" customWidth="1"/>
    <col min="8200" max="8200" width="9.140625" style="264" customWidth="1"/>
    <col min="8201" max="8201" width="7.5703125" style="264" customWidth="1"/>
    <col min="8202" max="8202" width="9.140625" style="264" customWidth="1"/>
    <col min="8203" max="8204" width="7.7109375" style="264" customWidth="1"/>
    <col min="8205" max="8205" width="8" style="264" customWidth="1"/>
    <col min="8206" max="8437" width="9.140625" style="264"/>
    <col min="8438" max="8438" width="32" style="264" customWidth="1"/>
    <col min="8439" max="8439" width="9.140625" style="264"/>
    <col min="8440" max="8440" width="9.140625" style="264" customWidth="1"/>
    <col min="8441" max="8441" width="9.140625" style="264"/>
    <col min="8442" max="8442" width="9.140625" style="264" customWidth="1"/>
    <col min="8443" max="8443" width="7" style="264" customWidth="1"/>
    <col min="8444" max="8444" width="9.140625" style="264" customWidth="1"/>
    <col min="8445" max="8445" width="7.42578125" style="264" customWidth="1"/>
    <col min="8446" max="8446" width="9.140625" style="264" customWidth="1"/>
    <col min="8447" max="8447" width="7.42578125" style="264" customWidth="1"/>
    <col min="8448" max="8449" width="9.140625" style="264" customWidth="1"/>
    <col min="8450" max="8450" width="7.42578125" style="264" customWidth="1"/>
    <col min="8451" max="8451" width="9.140625" style="264" customWidth="1"/>
    <col min="8452" max="8452" width="7.85546875" style="264" customWidth="1"/>
    <col min="8453" max="8454" width="9.140625" style="264" customWidth="1"/>
    <col min="8455" max="8455" width="7.7109375" style="264" customWidth="1"/>
    <col min="8456" max="8456" width="9.140625" style="264" customWidth="1"/>
    <col min="8457" max="8457" width="7.5703125" style="264" customWidth="1"/>
    <col min="8458" max="8458" width="9.140625" style="264" customWidth="1"/>
    <col min="8459" max="8460" width="7.7109375" style="264" customWidth="1"/>
    <col min="8461" max="8461" width="8" style="264" customWidth="1"/>
    <col min="8462" max="8693" width="9.140625" style="264"/>
    <col min="8694" max="8694" width="32" style="264" customWidth="1"/>
    <col min="8695" max="8695" width="9.140625" style="264"/>
    <col min="8696" max="8696" width="9.140625" style="264" customWidth="1"/>
    <col min="8697" max="8697" width="9.140625" style="264"/>
    <col min="8698" max="8698" width="9.140625" style="264" customWidth="1"/>
    <col min="8699" max="8699" width="7" style="264" customWidth="1"/>
    <col min="8700" max="8700" width="9.140625" style="264" customWidth="1"/>
    <col min="8701" max="8701" width="7.42578125" style="264" customWidth="1"/>
    <col min="8702" max="8702" width="9.140625" style="264" customWidth="1"/>
    <col min="8703" max="8703" width="7.42578125" style="264" customWidth="1"/>
    <col min="8704" max="8705" width="9.140625" style="264" customWidth="1"/>
    <col min="8706" max="8706" width="7.42578125" style="264" customWidth="1"/>
    <col min="8707" max="8707" width="9.140625" style="264" customWidth="1"/>
    <col min="8708" max="8708" width="7.85546875" style="264" customWidth="1"/>
    <col min="8709" max="8710" width="9.140625" style="264" customWidth="1"/>
    <col min="8711" max="8711" width="7.7109375" style="264" customWidth="1"/>
    <col min="8712" max="8712" width="9.140625" style="264" customWidth="1"/>
    <col min="8713" max="8713" width="7.5703125" style="264" customWidth="1"/>
    <col min="8714" max="8714" width="9.140625" style="264" customWidth="1"/>
    <col min="8715" max="8716" width="7.7109375" style="264" customWidth="1"/>
    <col min="8717" max="8717" width="8" style="264" customWidth="1"/>
    <col min="8718" max="8949" width="9.140625" style="264"/>
    <col min="8950" max="8950" width="32" style="264" customWidth="1"/>
    <col min="8951" max="8951" width="9.140625" style="264"/>
    <col min="8952" max="8952" width="9.140625" style="264" customWidth="1"/>
    <col min="8953" max="8953" width="9.140625" style="264"/>
    <col min="8954" max="8954" width="9.140625" style="264" customWidth="1"/>
    <col min="8955" max="8955" width="7" style="264" customWidth="1"/>
    <col min="8956" max="8956" width="9.140625" style="264" customWidth="1"/>
    <col min="8957" max="8957" width="7.42578125" style="264" customWidth="1"/>
    <col min="8958" max="8958" width="9.140625" style="264" customWidth="1"/>
    <col min="8959" max="8959" width="7.42578125" style="264" customWidth="1"/>
    <col min="8960" max="8961" width="9.140625" style="264" customWidth="1"/>
    <col min="8962" max="8962" width="7.42578125" style="264" customWidth="1"/>
    <col min="8963" max="8963" width="9.140625" style="264" customWidth="1"/>
    <col min="8964" max="8964" width="7.85546875" style="264" customWidth="1"/>
    <col min="8965" max="8966" width="9.140625" style="264" customWidth="1"/>
    <col min="8967" max="8967" width="7.7109375" style="264" customWidth="1"/>
    <col min="8968" max="8968" width="9.140625" style="264" customWidth="1"/>
    <col min="8969" max="8969" width="7.5703125" style="264" customWidth="1"/>
    <col min="8970" max="8970" width="9.140625" style="264" customWidth="1"/>
    <col min="8971" max="8972" width="7.7109375" style="264" customWidth="1"/>
    <col min="8973" max="8973" width="8" style="264" customWidth="1"/>
    <col min="8974" max="9205" width="9.140625" style="264"/>
    <col min="9206" max="9206" width="32" style="264" customWidth="1"/>
    <col min="9207" max="9207" width="9.140625" style="264"/>
    <col min="9208" max="9208" width="9.140625" style="264" customWidth="1"/>
    <col min="9209" max="9209" width="9.140625" style="264"/>
    <col min="9210" max="9210" width="9.140625" style="264" customWidth="1"/>
    <col min="9211" max="9211" width="7" style="264" customWidth="1"/>
    <col min="9212" max="9212" width="9.140625" style="264" customWidth="1"/>
    <col min="9213" max="9213" width="7.42578125" style="264" customWidth="1"/>
    <col min="9214" max="9214" width="9.140625" style="264" customWidth="1"/>
    <col min="9215" max="9215" width="7.42578125" style="264" customWidth="1"/>
    <col min="9216" max="9217" width="9.140625" style="264" customWidth="1"/>
    <col min="9218" max="9218" width="7.42578125" style="264" customWidth="1"/>
    <col min="9219" max="9219" width="9.140625" style="264" customWidth="1"/>
    <col min="9220" max="9220" width="7.85546875" style="264" customWidth="1"/>
    <col min="9221" max="9222" width="9.140625" style="264" customWidth="1"/>
    <col min="9223" max="9223" width="7.7109375" style="264" customWidth="1"/>
    <col min="9224" max="9224" width="9.140625" style="264" customWidth="1"/>
    <col min="9225" max="9225" width="7.5703125" style="264" customWidth="1"/>
    <col min="9226" max="9226" width="9.140625" style="264" customWidth="1"/>
    <col min="9227" max="9228" width="7.7109375" style="264" customWidth="1"/>
    <col min="9229" max="9229" width="8" style="264" customWidth="1"/>
    <col min="9230" max="9461" width="9.140625" style="264"/>
    <col min="9462" max="9462" width="32" style="264" customWidth="1"/>
    <col min="9463" max="9463" width="9.140625" style="264"/>
    <col min="9464" max="9464" width="9.140625" style="264" customWidth="1"/>
    <col min="9465" max="9465" width="9.140625" style="264"/>
    <col min="9466" max="9466" width="9.140625" style="264" customWidth="1"/>
    <col min="9467" max="9467" width="7" style="264" customWidth="1"/>
    <col min="9468" max="9468" width="9.140625" style="264" customWidth="1"/>
    <col min="9469" max="9469" width="7.42578125" style="264" customWidth="1"/>
    <col min="9470" max="9470" width="9.140625" style="264" customWidth="1"/>
    <col min="9471" max="9471" width="7.42578125" style="264" customWidth="1"/>
    <col min="9472" max="9473" width="9.140625" style="264" customWidth="1"/>
    <col min="9474" max="9474" width="7.42578125" style="264" customWidth="1"/>
    <col min="9475" max="9475" width="9.140625" style="264" customWidth="1"/>
    <col min="9476" max="9476" width="7.85546875" style="264" customWidth="1"/>
    <col min="9477" max="9478" width="9.140625" style="264" customWidth="1"/>
    <col min="9479" max="9479" width="7.7109375" style="264" customWidth="1"/>
    <col min="9480" max="9480" width="9.140625" style="264" customWidth="1"/>
    <col min="9481" max="9481" width="7.5703125" style="264" customWidth="1"/>
    <col min="9482" max="9482" width="9.140625" style="264" customWidth="1"/>
    <col min="9483" max="9484" width="7.7109375" style="264" customWidth="1"/>
    <col min="9485" max="9485" width="8" style="264" customWidth="1"/>
    <col min="9486" max="9717" width="9.140625" style="264"/>
    <col min="9718" max="9718" width="32" style="264" customWidth="1"/>
    <col min="9719" max="9719" width="9.140625" style="264"/>
    <col min="9720" max="9720" width="9.140625" style="264" customWidth="1"/>
    <col min="9721" max="9721" width="9.140625" style="264"/>
    <col min="9722" max="9722" width="9.140625" style="264" customWidth="1"/>
    <col min="9723" max="9723" width="7" style="264" customWidth="1"/>
    <col min="9724" max="9724" width="9.140625" style="264" customWidth="1"/>
    <col min="9725" max="9725" width="7.42578125" style="264" customWidth="1"/>
    <col min="9726" max="9726" width="9.140625" style="264" customWidth="1"/>
    <col min="9727" max="9727" width="7.42578125" style="264" customWidth="1"/>
    <col min="9728" max="9729" width="9.140625" style="264" customWidth="1"/>
    <col min="9730" max="9730" width="7.42578125" style="264" customWidth="1"/>
    <col min="9731" max="9731" width="9.140625" style="264" customWidth="1"/>
    <col min="9732" max="9732" width="7.85546875" style="264" customWidth="1"/>
    <col min="9733" max="9734" width="9.140625" style="264" customWidth="1"/>
    <col min="9735" max="9735" width="7.7109375" style="264" customWidth="1"/>
    <col min="9736" max="9736" width="9.140625" style="264" customWidth="1"/>
    <col min="9737" max="9737" width="7.5703125" style="264" customWidth="1"/>
    <col min="9738" max="9738" width="9.140625" style="264" customWidth="1"/>
    <col min="9739" max="9740" width="7.7109375" style="264" customWidth="1"/>
    <col min="9741" max="9741" width="8" style="264" customWidth="1"/>
    <col min="9742" max="9973" width="9.140625" style="264"/>
    <col min="9974" max="9974" width="32" style="264" customWidth="1"/>
    <col min="9975" max="9975" width="9.140625" style="264"/>
    <col min="9976" max="9976" width="9.140625" style="264" customWidth="1"/>
    <col min="9977" max="9977" width="9.140625" style="264"/>
    <col min="9978" max="9978" width="9.140625" style="264" customWidth="1"/>
    <col min="9979" max="9979" width="7" style="264" customWidth="1"/>
    <col min="9980" max="9980" width="9.140625" style="264" customWidth="1"/>
    <col min="9981" max="9981" width="7.42578125" style="264" customWidth="1"/>
    <col min="9982" max="9982" width="9.140625" style="264" customWidth="1"/>
    <col min="9983" max="9983" width="7.42578125" style="264" customWidth="1"/>
    <col min="9984" max="9985" width="9.140625" style="264" customWidth="1"/>
    <col min="9986" max="9986" width="7.42578125" style="264" customWidth="1"/>
    <col min="9987" max="9987" width="9.140625" style="264" customWidth="1"/>
    <col min="9988" max="9988" width="7.85546875" style="264" customWidth="1"/>
    <col min="9989" max="9990" width="9.140625" style="264" customWidth="1"/>
    <col min="9991" max="9991" width="7.7109375" style="264" customWidth="1"/>
    <col min="9992" max="9992" width="9.140625" style="264" customWidth="1"/>
    <col min="9993" max="9993" width="7.5703125" style="264" customWidth="1"/>
    <col min="9994" max="9994" width="9.140625" style="264" customWidth="1"/>
    <col min="9995" max="9996" width="7.7109375" style="264" customWidth="1"/>
    <col min="9997" max="9997" width="8" style="264" customWidth="1"/>
    <col min="9998" max="10229" width="9.140625" style="264"/>
    <col min="10230" max="10230" width="32" style="264" customWidth="1"/>
    <col min="10231" max="10231" width="9.140625" style="264"/>
    <col min="10232" max="10232" width="9.140625" style="264" customWidth="1"/>
    <col min="10233" max="10233" width="9.140625" style="264"/>
    <col min="10234" max="10234" width="9.140625" style="264" customWidth="1"/>
    <col min="10235" max="10235" width="7" style="264" customWidth="1"/>
    <col min="10236" max="10236" width="9.140625" style="264" customWidth="1"/>
    <col min="10237" max="10237" width="7.42578125" style="264" customWidth="1"/>
    <col min="10238" max="10238" width="9.140625" style="264" customWidth="1"/>
    <col min="10239" max="10239" width="7.42578125" style="264" customWidth="1"/>
    <col min="10240" max="10241" width="9.140625" style="264" customWidth="1"/>
    <col min="10242" max="10242" width="7.42578125" style="264" customWidth="1"/>
    <col min="10243" max="10243" width="9.140625" style="264" customWidth="1"/>
    <col min="10244" max="10244" width="7.85546875" style="264" customWidth="1"/>
    <col min="10245" max="10246" width="9.140625" style="264" customWidth="1"/>
    <col min="10247" max="10247" width="7.7109375" style="264" customWidth="1"/>
    <col min="10248" max="10248" width="9.140625" style="264" customWidth="1"/>
    <col min="10249" max="10249" width="7.5703125" style="264" customWidth="1"/>
    <col min="10250" max="10250" width="9.140625" style="264" customWidth="1"/>
    <col min="10251" max="10252" width="7.7109375" style="264" customWidth="1"/>
    <col min="10253" max="10253" width="8" style="264" customWidth="1"/>
    <col min="10254" max="10485" width="9.140625" style="264"/>
    <col min="10486" max="10486" width="32" style="264" customWidth="1"/>
    <col min="10487" max="10487" width="9.140625" style="264"/>
    <col min="10488" max="10488" width="9.140625" style="264" customWidth="1"/>
    <col min="10489" max="10489" width="9.140625" style="264"/>
    <col min="10490" max="10490" width="9.140625" style="264" customWidth="1"/>
    <col min="10491" max="10491" width="7" style="264" customWidth="1"/>
    <col min="10492" max="10492" width="9.140625" style="264" customWidth="1"/>
    <col min="10493" max="10493" width="7.42578125" style="264" customWidth="1"/>
    <col min="10494" max="10494" width="9.140625" style="264" customWidth="1"/>
    <col min="10495" max="10495" width="7.42578125" style="264" customWidth="1"/>
    <col min="10496" max="10497" width="9.140625" style="264" customWidth="1"/>
    <col min="10498" max="10498" width="7.42578125" style="264" customWidth="1"/>
    <col min="10499" max="10499" width="9.140625" style="264" customWidth="1"/>
    <col min="10500" max="10500" width="7.85546875" style="264" customWidth="1"/>
    <col min="10501" max="10502" width="9.140625" style="264" customWidth="1"/>
    <col min="10503" max="10503" width="7.7109375" style="264" customWidth="1"/>
    <col min="10504" max="10504" width="9.140625" style="264" customWidth="1"/>
    <col min="10505" max="10505" width="7.5703125" style="264" customWidth="1"/>
    <col min="10506" max="10506" width="9.140625" style="264" customWidth="1"/>
    <col min="10507" max="10508" width="7.7109375" style="264" customWidth="1"/>
    <col min="10509" max="10509" width="8" style="264" customWidth="1"/>
    <col min="10510" max="10741" width="9.140625" style="264"/>
    <col min="10742" max="10742" width="32" style="264" customWidth="1"/>
    <col min="10743" max="10743" width="9.140625" style="264"/>
    <col min="10744" max="10744" width="9.140625" style="264" customWidth="1"/>
    <col min="10745" max="10745" width="9.140625" style="264"/>
    <col min="10746" max="10746" width="9.140625" style="264" customWidth="1"/>
    <col min="10747" max="10747" width="7" style="264" customWidth="1"/>
    <col min="10748" max="10748" width="9.140625" style="264" customWidth="1"/>
    <col min="10749" max="10749" width="7.42578125" style="264" customWidth="1"/>
    <col min="10750" max="10750" width="9.140625" style="264" customWidth="1"/>
    <col min="10751" max="10751" width="7.42578125" style="264" customWidth="1"/>
    <col min="10752" max="10753" width="9.140625" style="264" customWidth="1"/>
    <col min="10754" max="10754" width="7.42578125" style="264" customWidth="1"/>
    <col min="10755" max="10755" width="9.140625" style="264" customWidth="1"/>
    <col min="10756" max="10756" width="7.85546875" style="264" customWidth="1"/>
    <col min="10757" max="10758" width="9.140625" style="264" customWidth="1"/>
    <col min="10759" max="10759" width="7.7109375" style="264" customWidth="1"/>
    <col min="10760" max="10760" width="9.140625" style="264" customWidth="1"/>
    <col min="10761" max="10761" width="7.5703125" style="264" customWidth="1"/>
    <col min="10762" max="10762" width="9.140625" style="264" customWidth="1"/>
    <col min="10763" max="10764" width="7.7109375" style="264" customWidth="1"/>
    <col min="10765" max="10765" width="8" style="264" customWidth="1"/>
    <col min="10766" max="10997" width="9.140625" style="264"/>
    <col min="10998" max="10998" width="32" style="264" customWidth="1"/>
    <col min="10999" max="10999" width="9.140625" style="264"/>
    <col min="11000" max="11000" width="9.140625" style="264" customWidth="1"/>
    <col min="11001" max="11001" width="9.140625" style="264"/>
    <col min="11002" max="11002" width="9.140625" style="264" customWidth="1"/>
    <col min="11003" max="11003" width="7" style="264" customWidth="1"/>
    <col min="11004" max="11004" width="9.140625" style="264" customWidth="1"/>
    <col min="11005" max="11005" width="7.42578125" style="264" customWidth="1"/>
    <col min="11006" max="11006" width="9.140625" style="264" customWidth="1"/>
    <col min="11007" max="11007" width="7.42578125" style="264" customWidth="1"/>
    <col min="11008" max="11009" width="9.140625" style="264" customWidth="1"/>
    <col min="11010" max="11010" width="7.42578125" style="264" customWidth="1"/>
    <col min="11011" max="11011" width="9.140625" style="264" customWidth="1"/>
    <col min="11012" max="11012" width="7.85546875" style="264" customWidth="1"/>
    <col min="11013" max="11014" width="9.140625" style="264" customWidth="1"/>
    <col min="11015" max="11015" width="7.7109375" style="264" customWidth="1"/>
    <col min="11016" max="11016" width="9.140625" style="264" customWidth="1"/>
    <col min="11017" max="11017" width="7.5703125" style="264" customWidth="1"/>
    <col min="11018" max="11018" width="9.140625" style="264" customWidth="1"/>
    <col min="11019" max="11020" width="7.7109375" style="264" customWidth="1"/>
    <col min="11021" max="11021" width="8" style="264" customWidth="1"/>
    <col min="11022" max="11253" width="9.140625" style="264"/>
    <col min="11254" max="11254" width="32" style="264" customWidth="1"/>
    <col min="11255" max="11255" width="9.140625" style="264"/>
    <col min="11256" max="11256" width="9.140625" style="264" customWidth="1"/>
    <col min="11257" max="11257" width="9.140625" style="264"/>
    <col min="11258" max="11258" width="9.140625" style="264" customWidth="1"/>
    <col min="11259" max="11259" width="7" style="264" customWidth="1"/>
    <col min="11260" max="11260" width="9.140625" style="264" customWidth="1"/>
    <col min="11261" max="11261" width="7.42578125" style="264" customWidth="1"/>
    <col min="11262" max="11262" width="9.140625" style="264" customWidth="1"/>
    <col min="11263" max="11263" width="7.42578125" style="264" customWidth="1"/>
    <col min="11264" max="11265" width="9.140625" style="264" customWidth="1"/>
    <col min="11266" max="11266" width="7.42578125" style="264" customWidth="1"/>
    <col min="11267" max="11267" width="9.140625" style="264" customWidth="1"/>
    <col min="11268" max="11268" width="7.85546875" style="264" customWidth="1"/>
    <col min="11269" max="11270" width="9.140625" style="264" customWidth="1"/>
    <col min="11271" max="11271" width="7.7109375" style="264" customWidth="1"/>
    <col min="11272" max="11272" width="9.140625" style="264" customWidth="1"/>
    <col min="11273" max="11273" width="7.5703125" style="264" customWidth="1"/>
    <col min="11274" max="11274" width="9.140625" style="264" customWidth="1"/>
    <col min="11275" max="11276" width="7.7109375" style="264" customWidth="1"/>
    <col min="11277" max="11277" width="8" style="264" customWidth="1"/>
    <col min="11278" max="11509" width="9.140625" style="264"/>
    <col min="11510" max="11510" width="32" style="264" customWidth="1"/>
    <col min="11511" max="11511" width="9.140625" style="264"/>
    <col min="11512" max="11512" width="9.140625" style="264" customWidth="1"/>
    <col min="11513" max="11513" width="9.140625" style="264"/>
    <col min="11514" max="11514" width="9.140625" style="264" customWidth="1"/>
    <col min="11515" max="11515" width="7" style="264" customWidth="1"/>
    <col min="11516" max="11516" width="9.140625" style="264" customWidth="1"/>
    <col min="11517" max="11517" width="7.42578125" style="264" customWidth="1"/>
    <col min="11518" max="11518" width="9.140625" style="264" customWidth="1"/>
    <col min="11519" max="11519" width="7.42578125" style="264" customWidth="1"/>
    <col min="11520" max="11521" width="9.140625" style="264" customWidth="1"/>
    <col min="11522" max="11522" width="7.42578125" style="264" customWidth="1"/>
    <col min="11523" max="11523" width="9.140625" style="264" customWidth="1"/>
    <col min="11524" max="11524" width="7.85546875" style="264" customWidth="1"/>
    <col min="11525" max="11526" width="9.140625" style="264" customWidth="1"/>
    <col min="11527" max="11527" width="7.7109375" style="264" customWidth="1"/>
    <col min="11528" max="11528" width="9.140625" style="264" customWidth="1"/>
    <col min="11529" max="11529" width="7.5703125" style="264" customWidth="1"/>
    <col min="11530" max="11530" width="9.140625" style="264" customWidth="1"/>
    <col min="11531" max="11532" width="7.7109375" style="264" customWidth="1"/>
    <col min="11533" max="11533" width="8" style="264" customWidth="1"/>
    <col min="11534" max="11765" width="9.140625" style="264"/>
    <col min="11766" max="11766" width="32" style="264" customWidth="1"/>
    <col min="11767" max="11767" width="9.140625" style="264"/>
    <col min="11768" max="11768" width="9.140625" style="264" customWidth="1"/>
    <col min="11769" max="11769" width="9.140625" style="264"/>
    <col min="11770" max="11770" width="9.140625" style="264" customWidth="1"/>
    <col min="11771" max="11771" width="7" style="264" customWidth="1"/>
    <col min="11772" max="11772" width="9.140625" style="264" customWidth="1"/>
    <col min="11773" max="11773" width="7.42578125" style="264" customWidth="1"/>
    <col min="11774" max="11774" width="9.140625" style="264" customWidth="1"/>
    <col min="11775" max="11775" width="7.42578125" style="264" customWidth="1"/>
    <col min="11776" max="11777" width="9.140625" style="264" customWidth="1"/>
    <col min="11778" max="11778" width="7.42578125" style="264" customWidth="1"/>
    <col min="11779" max="11779" width="9.140625" style="264" customWidth="1"/>
    <col min="11780" max="11780" width="7.85546875" style="264" customWidth="1"/>
    <col min="11781" max="11782" width="9.140625" style="264" customWidth="1"/>
    <col min="11783" max="11783" width="7.7109375" style="264" customWidth="1"/>
    <col min="11784" max="11784" width="9.140625" style="264" customWidth="1"/>
    <col min="11785" max="11785" width="7.5703125" style="264" customWidth="1"/>
    <col min="11786" max="11786" width="9.140625" style="264" customWidth="1"/>
    <col min="11787" max="11788" width="7.7109375" style="264" customWidth="1"/>
    <col min="11789" max="11789" width="8" style="264" customWidth="1"/>
    <col min="11790" max="12021" width="9.140625" style="264"/>
    <col min="12022" max="12022" width="32" style="264" customWidth="1"/>
    <col min="12023" max="12023" width="9.140625" style="264"/>
    <col min="12024" max="12024" width="9.140625" style="264" customWidth="1"/>
    <col min="12025" max="12025" width="9.140625" style="264"/>
    <col min="12026" max="12026" width="9.140625" style="264" customWidth="1"/>
    <col min="12027" max="12027" width="7" style="264" customWidth="1"/>
    <col min="12028" max="12028" width="9.140625" style="264" customWidth="1"/>
    <col min="12029" max="12029" width="7.42578125" style="264" customWidth="1"/>
    <col min="12030" max="12030" width="9.140625" style="264" customWidth="1"/>
    <col min="12031" max="12031" width="7.42578125" style="264" customWidth="1"/>
    <col min="12032" max="12033" width="9.140625" style="264" customWidth="1"/>
    <col min="12034" max="12034" width="7.42578125" style="264" customWidth="1"/>
    <col min="12035" max="12035" width="9.140625" style="264" customWidth="1"/>
    <col min="12036" max="12036" width="7.85546875" style="264" customWidth="1"/>
    <col min="12037" max="12038" width="9.140625" style="264" customWidth="1"/>
    <col min="12039" max="12039" width="7.7109375" style="264" customWidth="1"/>
    <col min="12040" max="12040" width="9.140625" style="264" customWidth="1"/>
    <col min="12041" max="12041" width="7.5703125" style="264" customWidth="1"/>
    <col min="12042" max="12042" width="9.140625" style="264" customWidth="1"/>
    <col min="12043" max="12044" width="7.7109375" style="264" customWidth="1"/>
    <col min="12045" max="12045" width="8" style="264" customWidth="1"/>
    <col min="12046" max="12277" width="9.140625" style="264"/>
    <col min="12278" max="12278" width="32" style="264" customWidth="1"/>
    <col min="12279" max="12279" width="9.140625" style="264"/>
    <col min="12280" max="12280" width="9.140625" style="264" customWidth="1"/>
    <col min="12281" max="12281" width="9.140625" style="264"/>
    <col min="12282" max="12282" width="9.140625" style="264" customWidth="1"/>
    <col min="12283" max="12283" width="7" style="264" customWidth="1"/>
    <col min="12284" max="12284" width="9.140625" style="264" customWidth="1"/>
    <col min="12285" max="12285" width="7.42578125" style="264" customWidth="1"/>
    <col min="12286" max="12286" width="9.140625" style="264" customWidth="1"/>
    <col min="12287" max="12287" width="7.42578125" style="264" customWidth="1"/>
    <col min="12288" max="12289" width="9.140625" style="264" customWidth="1"/>
    <col min="12290" max="12290" width="7.42578125" style="264" customWidth="1"/>
    <col min="12291" max="12291" width="9.140625" style="264" customWidth="1"/>
    <col min="12292" max="12292" width="7.85546875" style="264" customWidth="1"/>
    <col min="12293" max="12294" width="9.140625" style="264" customWidth="1"/>
    <col min="12295" max="12295" width="7.7109375" style="264" customWidth="1"/>
    <col min="12296" max="12296" width="9.140625" style="264" customWidth="1"/>
    <col min="12297" max="12297" width="7.5703125" style="264" customWidth="1"/>
    <col min="12298" max="12298" width="9.140625" style="264" customWidth="1"/>
    <col min="12299" max="12300" width="7.7109375" style="264" customWidth="1"/>
    <col min="12301" max="12301" width="8" style="264" customWidth="1"/>
    <col min="12302" max="12533" width="9.140625" style="264"/>
    <col min="12534" max="12534" width="32" style="264" customWidth="1"/>
    <col min="12535" max="12535" width="9.140625" style="264"/>
    <col min="12536" max="12536" width="9.140625" style="264" customWidth="1"/>
    <col min="12537" max="12537" width="9.140625" style="264"/>
    <col min="12538" max="12538" width="9.140625" style="264" customWidth="1"/>
    <col min="12539" max="12539" width="7" style="264" customWidth="1"/>
    <col min="12540" max="12540" width="9.140625" style="264" customWidth="1"/>
    <col min="12541" max="12541" width="7.42578125" style="264" customWidth="1"/>
    <col min="12542" max="12542" width="9.140625" style="264" customWidth="1"/>
    <col min="12543" max="12543" width="7.42578125" style="264" customWidth="1"/>
    <col min="12544" max="12545" width="9.140625" style="264" customWidth="1"/>
    <col min="12546" max="12546" width="7.42578125" style="264" customWidth="1"/>
    <col min="12547" max="12547" width="9.140625" style="264" customWidth="1"/>
    <col min="12548" max="12548" width="7.85546875" style="264" customWidth="1"/>
    <col min="12549" max="12550" width="9.140625" style="264" customWidth="1"/>
    <col min="12551" max="12551" width="7.7109375" style="264" customWidth="1"/>
    <col min="12552" max="12552" width="9.140625" style="264" customWidth="1"/>
    <col min="12553" max="12553" width="7.5703125" style="264" customWidth="1"/>
    <col min="12554" max="12554" width="9.140625" style="264" customWidth="1"/>
    <col min="12555" max="12556" width="7.7109375" style="264" customWidth="1"/>
    <col min="12557" max="12557" width="8" style="264" customWidth="1"/>
    <col min="12558" max="12789" width="9.140625" style="264"/>
    <col min="12790" max="12790" width="32" style="264" customWidth="1"/>
    <col min="12791" max="12791" width="9.140625" style="264"/>
    <col min="12792" max="12792" width="9.140625" style="264" customWidth="1"/>
    <col min="12793" max="12793" width="9.140625" style="264"/>
    <col min="12794" max="12794" width="9.140625" style="264" customWidth="1"/>
    <col min="12795" max="12795" width="7" style="264" customWidth="1"/>
    <col min="12796" max="12796" width="9.140625" style="264" customWidth="1"/>
    <col min="12797" max="12797" width="7.42578125" style="264" customWidth="1"/>
    <col min="12798" max="12798" width="9.140625" style="264" customWidth="1"/>
    <col min="12799" max="12799" width="7.42578125" style="264" customWidth="1"/>
    <col min="12800" max="12801" width="9.140625" style="264" customWidth="1"/>
    <col min="12802" max="12802" width="7.42578125" style="264" customWidth="1"/>
    <col min="12803" max="12803" width="9.140625" style="264" customWidth="1"/>
    <col min="12804" max="12804" width="7.85546875" style="264" customWidth="1"/>
    <col min="12805" max="12806" width="9.140625" style="264" customWidth="1"/>
    <col min="12807" max="12807" width="7.7109375" style="264" customWidth="1"/>
    <col min="12808" max="12808" width="9.140625" style="264" customWidth="1"/>
    <col min="12809" max="12809" width="7.5703125" style="264" customWidth="1"/>
    <col min="12810" max="12810" width="9.140625" style="264" customWidth="1"/>
    <col min="12811" max="12812" width="7.7109375" style="264" customWidth="1"/>
    <col min="12813" max="12813" width="8" style="264" customWidth="1"/>
    <col min="12814" max="13045" width="9.140625" style="264"/>
    <col min="13046" max="13046" width="32" style="264" customWidth="1"/>
    <col min="13047" max="13047" width="9.140625" style="264"/>
    <col min="13048" max="13048" width="9.140625" style="264" customWidth="1"/>
    <col min="13049" max="13049" width="9.140625" style="264"/>
    <col min="13050" max="13050" width="9.140625" style="264" customWidth="1"/>
    <col min="13051" max="13051" width="7" style="264" customWidth="1"/>
    <col min="13052" max="13052" width="9.140625" style="264" customWidth="1"/>
    <col min="13053" max="13053" width="7.42578125" style="264" customWidth="1"/>
    <col min="13054" max="13054" width="9.140625" style="264" customWidth="1"/>
    <col min="13055" max="13055" width="7.42578125" style="264" customWidth="1"/>
    <col min="13056" max="13057" width="9.140625" style="264" customWidth="1"/>
    <col min="13058" max="13058" width="7.42578125" style="264" customWidth="1"/>
    <col min="13059" max="13059" width="9.140625" style="264" customWidth="1"/>
    <col min="13060" max="13060" width="7.85546875" style="264" customWidth="1"/>
    <col min="13061" max="13062" width="9.140625" style="264" customWidth="1"/>
    <col min="13063" max="13063" width="7.7109375" style="264" customWidth="1"/>
    <col min="13064" max="13064" width="9.140625" style="264" customWidth="1"/>
    <col min="13065" max="13065" width="7.5703125" style="264" customWidth="1"/>
    <col min="13066" max="13066" width="9.140625" style="264" customWidth="1"/>
    <col min="13067" max="13068" width="7.7109375" style="264" customWidth="1"/>
    <col min="13069" max="13069" width="8" style="264" customWidth="1"/>
    <col min="13070" max="13301" width="9.140625" style="264"/>
    <col min="13302" max="13302" width="32" style="264" customWidth="1"/>
    <col min="13303" max="13303" width="9.140625" style="264"/>
    <col min="13304" max="13304" width="9.140625" style="264" customWidth="1"/>
    <col min="13305" max="13305" width="9.140625" style="264"/>
    <col min="13306" max="13306" width="9.140625" style="264" customWidth="1"/>
    <col min="13307" max="13307" width="7" style="264" customWidth="1"/>
    <col min="13308" max="13308" width="9.140625" style="264" customWidth="1"/>
    <col min="13309" max="13309" width="7.42578125" style="264" customWidth="1"/>
    <col min="13310" max="13310" width="9.140625" style="264" customWidth="1"/>
    <col min="13311" max="13311" width="7.42578125" style="264" customWidth="1"/>
    <col min="13312" max="13313" width="9.140625" style="264" customWidth="1"/>
    <col min="13314" max="13314" width="7.42578125" style="264" customWidth="1"/>
    <col min="13315" max="13315" width="9.140625" style="264" customWidth="1"/>
    <col min="13316" max="13316" width="7.85546875" style="264" customWidth="1"/>
    <col min="13317" max="13318" width="9.140625" style="264" customWidth="1"/>
    <col min="13319" max="13319" width="7.7109375" style="264" customWidth="1"/>
    <col min="13320" max="13320" width="9.140625" style="264" customWidth="1"/>
    <col min="13321" max="13321" width="7.5703125" style="264" customWidth="1"/>
    <col min="13322" max="13322" width="9.140625" style="264" customWidth="1"/>
    <col min="13323" max="13324" width="7.7109375" style="264" customWidth="1"/>
    <col min="13325" max="13325" width="8" style="264" customWidth="1"/>
    <col min="13326" max="13557" width="9.140625" style="264"/>
    <col min="13558" max="13558" width="32" style="264" customWidth="1"/>
    <col min="13559" max="13559" width="9.140625" style="264"/>
    <col min="13560" max="13560" width="9.140625" style="264" customWidth="1"/>
    <col min="13561" max="13561" width="9.140625" style="264"/>
    <col min="13562" max="13562" width="9.140625" style="264" customWidth="1"/>
    <col min="13563" max="13563" width="7" style="264" customWidth="1"/>
    <col min="13564" max="13564" width="9.140625" style="264" customWidth="1"/>
    <col min="13565" max="13565" width="7.42578125" style="264" customWidth="1"/>
    <col min="13566" max="13566" width="9.140625" style="264" customWidth="1"/>
    <col min="13567" max="13567" width="7.42578125" style="264" customWidth="1"/>
    <col min="13568" max="13569" width="9.140625" style="264" customWidth="1"/>
    <col min="13570" max="13570" width="7.42578125" style="264" customWidth="1"/>
    <col min="13571" max="13571" width="9.140625" style="264" customWidth="1"/>
    <col min="13572" max="13572" width="7.85546875" style="264" customWidth="1"/>
    <col min="13573" max="13574" width="9.140625" style="264" customWidth="1"/>
    <col min="13575" max="13575" width="7.7109375" style="264" customWidth="1"/>
    <col min="13576" max="13576" width="9.140625" style="264" customWidth="1"/>
    <col min="13577" max="13577" width="7.5703125" style="264" customWidth="1"/>
    <col min="13578" max="13578" width="9.140625" style="264" customWidth="1"/>
    <col min="13579" max="13580" width="7.7109375" style="264" customWidth="1"/>
    <col min="13581" max="13581" width="8" style="264" customWidth="1"/>
    <col min="13582" max="13813" width="9.140625" style="264"/>
    <col min="13814" max="13814" width="32" style="264" customWidth="1"/>
    <col min="13815" max="13815" width="9.140625" style="264"/>
    <col min="13816" max="13816" width="9.140625" style="264" customWidth="1"/>
    <col min="13817" max="13817" width="9.140625" style="264"/>
    <col min="13818" max="13818" width="9.140625" style="264" customWidth="1"/>
    <col min="13819" max="13819" width="7" style="264" customWidth="1"/>
    <col min="13820" max="13820" width="9.140625" style="264" customWidth="1"/>
    <col min="13821" max="13821" width="7.42578125" style="264" customWidth="1"/>
    <col min="13822" max="13822" width="9.140625" style="264" customWidth="1"/>
    <col min="13823" max="13823" width="7.42578125" style="264" customWidth="1"/>
    <col min="13824" max="13825" width="9.140625" style="264" customWidth="1"/>
    <col min="13826" max="13826" width="7.42578125" style="264" customWidth="1"/>
    <col min="13827" max="13827" width="9.140625" style="264" customWidth="1"/>
    <col min="13828" max="13828" width="7.85546875" style="264" customWidth="1"/>
    <col min="13829" max="13830" width="9.140625" style="264" customWidth="1"/>
    <col min="13831" max="13831" width="7.7109375" style="264" customWidth="1"/>
    <col min="13832" max="13832" width="9.140625" style="264" customWidth="1"/>
    <col min="13833" max="13833" width="7.5703125" style="264" customWidth="1"/>
    <col min="13834" max="13834" width="9.140625" style="264" customWidth="1"/>
    <col min="13835" max="13836" width="7.7109375" style="264" customWidth="1"/>
    <col min="13837" max="13837" width="8" style="264" customWidth="1"/>
    <col min="13838" max="14069" width="9.140625" style="264"/>
    <col min="14070" max="14070" width="32" style="264" customWidth="1"/>
    <col min="14071" max="14071" width="9.140625" style="264"/>
    <col min="14072" max="14072" width="9.140625" style="264" customWidth="1"/>
    <col min="14073" max="14073" width="9.140625" style="264"/>
    <col min="14074" max="14074" width="9.140625" style="264" customWidth="1"/>
    <col min="14075" max="14075" width="7" style="264" customWidth="1"/>
    <col min="14076" max="14076" width="9.140625" style="264" customWidth="1"/>
    <col min="14077" max="14077" width="7.42578125" style="264" customWidth="1"/>
    <col min="14078" max="14078" width="9.140625" style="264" customWidth="1"/>
    <col min="14079" max="14079" width="7.42578125" style="264" customWidth="1"/>
    <col min="14080" max="14081" width="9.140625" style="264" customWidth="1"/>
    <col min="14082" max="14082" width="7.42578125" style="264" customWidth="1"/>
    <col min="14083" max="14083" width="9.140625" style="264" customWidth="1"/>
    <col min="14084" max="14084" width="7.85546875" style="264" customWidth="1"/>
    <col min="14085" max="14086" width="9.140625" style="264" customWidth="1"/>
    <col min="14087" max="14087" width="7.7109375" style="264" customWidth="1"/>
    <col min="14088" max="14088" width="9.140625" style="264" customWidth="1"/>
    <col min="14089" max="14089" width="7.5703125" style="264" customWidth="1"/>
    <col min="14090" max="14090" width="9.140625" style="264" customWidth="1"/>
    <col min="14091" max="14092" width="7.7109375" style="264" customWidth="1"/>
    <col min="14093" max="14093" width="8" style="264" customWidth="1"/>
    <col min="14094" max="14325" width="9.140625" style="264"/>
    <col min="14326" max="14326" width="32" style="264" customWidth="1"/>
    <col min="14327" max="14327" width="9.140625" style="264"/>
    <col min="14328" max="14328" width="9.140625" style="264" customWidth="1"/>
    <col min="14329" max="14329" width="9.140625" style="264"/>
    <col min="14330" max="14330" width="9.140625" style="264" customWidth="1"/>
    <col min="14331" max="14331" width="7" style="264" customWidth="1"/>
    <col min="14332" max="14332" width="9.140625" style="264" customWidth="1"/>
    <col min="14333" max="14333" width="7.42578125" style="264" customWidth="1"/>
    <col min="14334" max="14334" width="9.140625" style="264" customWidth="1"/>
    <col min="14335" max="14335" width="7.42578125" style="264" customWidth="1"/>
    <col min="14336" max="14337" width="9.140625" style="264" customWidth="1"/>
    <col min="14338" max="14338" width="7.42578125" style="264" customWidth="1"/>
    <col min="14339" max="14339" width="9.140625" style="264" customWidth="1"/>
    <col min="14340" max="14340" width="7.85546875" style="264" customWidth="1"/>
    <col min="14341" max="14342" width="9.140625" style="264" customWidth="1"/>
    <col min="14343" max="14343" width="7.7109375" style="264" customWidth="1"/>
    <col min="14344" max="14344" width="9.140625" style="264" customWidth="1"/>
    <col min="14345" max="14345" width="7.5703125" style="264" customWidth="1"/>
    <col min="14346" max="14346" width="9.140625" style="264" customWidth="1"/>
    <col min="14347" max="14348" width="7.7109375" style="264" customWidth="1"/>
    <col min="14349" max="14349" width="8" style="264" customWidth="1"/>
    <col min="14350" max="14581" width="9.140625" style="264"/>
    <col min="14582" max="14582" width="32" style="264" customWidth="1"/>
    <col min="14583" max="14583" width="9.140625" style="264"/>
    <col min="14584" max="14584" width="9.140625" style="264" customWidth="1"/>
    <col min="14585" max="14585" width="9.140625" style="264"/>
    <col min="14586" max="14586" width="9.140625" style="264" customWidth="1"/>
    <col min="14587" max="14587" width="7" style="264" customWidth="1"/>
    <col min="14588" max="14588" width="9.140625" style="264" customWidth="1"/>
    <col min="14589" max="14589" width="7.42578125" style="264" customWidth="1"/>
    <col min="14590" max="14590" width="9.140625" style="264" customWidth="1"/>
    <col min="14591" max="14591" width="7.42578125" style="264" customWidth="1"/>
    <col min="14592" max="14593" width="9.140625" style="264" customWidth="1"/>
    <col min="14594" max="14594" width="7.42578125" style="264" customWidth="1"/>
    <col min="14595" max="14595" width="9.140625" style="264" customWidth="1"/>
    <col min="14596" max="14596" width="7.85546875" style="264" customWidth="1"/>
    <col min="14597" max="14598" width="9.140625" style="264" customWidth="1"/>
    <col min="14599" max="14599" width="7.7109375" style="264" customWidth="1"/>
    <col min="14600" max="14600" width="9.140625" style="264" customWidth="1"/>
    <col min="14601" max="14601" width="7.5703125" style="264" customWidth="1"/>
    <col min="14602" max="14602" width="9.140625" style="264" customWidth="1"/>
    <col min="14603" max="14604" width="7.7109375" style="264" customWidth="1"/>
    <col min="14605" max="14605" width="8" style="264" customWidth="1"/>
    <col min="14606" max="14837" width="9.140625" style="264"/>
    <col min="14838" max="14838" width="32" style="264" customWidth="1"/>
    <col min="14839" max="14839" width="9.140625" style="264"/>
    <col min="14840" max="14840" width="9.140625" style="264" customWidth="1"/>
    <col min="14841" max="14841" width="9.140625" style="264"/>
    <col min="14842" max="14842" width="9.140625" style="264" customWidth="1"/>
    <col min="14843" max="14843" width="7" style="264" customWidth="1"/>
    <col min="14844" max="14844" width="9.140625" style="264" customWidth="1"/>
    <col min="14845" max="14845" width="7.42578125" style="264" customWidth="1"/>
    <col min="14846" max="14846" width="9.140625" style="264" customWidth="1"/>
    <col min="14847" max="14847" width="7.42578125" style="264" customWidth="1"/>
    <col min="14848" max="14849" width="9.140625" style="264" customWidth="1"/>
    <col min="14850" max="14850" width="7.42578125" style="264" customWidth="1"/>
    <col min="14851" max="14851" width="9.140625" style="264" customWidth="1"/>
    <col min="14852" max="14852" width="7.85546875" style="264" customWidth="1"/>
    <col min="14853" max="14854" width="9.140625" style="264" customWidth="1"/>
    <col min="14855" max="14855" width="7.7109375" style="264" customWidth="1"/>
    <col min="14856" max="14856" width="9.140625" style="264" customWidth="1"/>
    <col min="14857" max="14857" width="7.5703125" style="264" customWidth="1"/>
    <col min="14858" max="14858" width="9.140625" style="264" customWidth="1"/>
    <col min="14859" max="14860" width="7.7109375" style="264" customWidth="1"/>
    <col min="14861" max="14861" width="8" style="264" customWidth="1"/>
    <col min="14862" max="15093" width="9.140625" style="264"/>
    <col min="15094" max="15094" width="32" style="264" customWidth="1"/>
    <col min="15095" max="15095" width="9.140625" style="264"/>
    <col min="15096" max="15096" width="9.140625" style="264" customWidth="1"/>
    <col min="15097" max="15097" width="9.140625" style="264"/>
    <col min="15098" max="15098" width="9.140625" style="264" customWidth="1"/>
    <col min="15099" max="15099" width="7" style="264" customWidth="1"/>
    <col min="15100" max="15100" width="9.140625" style="264" customWidth="1"/>
    <col min="15101" max="15101" width="7.42578125" style="264" customWidth="1"/>
    <col min="15102" max="15102" width="9.140625" style="264" customWidth="1"/>
    <col min="15103" max="15103" width="7.42578125" style="264" customWidth="1"/>
    <col min="15104" max="15105" width="9.140625" style="264" customWidth="1"/>
    <col min="15106" max="15106" width="7.42578125" style="264" customWidth="1"/>
    <col min="15107" max="15107" width="9.140625" style="264" customWidth="1"/>
    <col min="15108" max="15108" width="7.85546875" style="264" customWidth="1"/>
    <col min="15109" max="15110" width="9.140625" style="264" customWidth="1"/>
    <col min="15111" max="15111" width="7.7109375" style="264" customWidth="1"/>
    <col min="15112" max="15112" width="9.140625" style="264" customWidth="1"/>
    <col min="15113" max="15113" width="7.5703125" style="264" customWidth="1"/>
    <col min="15114" max="15114" width="9.140625" style="264" customWidth="1"/>
    <col min="15115" max="15116" width="7.7109375" style="264" customWidth="1"/>
    <col min="15117" max="15117" width="8" style="264" customWidth="1"/>
    <col min="15118" max="15349" width="9.140625" style="264"/>
    <col min="15350" max="15350" width="32" style="264" customWidth="1"/>
    <col min="15351" max="15351" width="9.140625" style="264"/>
    <col min="15352" max="15352" width="9.140625" style="264" customWidth="1"/>
    <col min="15353" max="15353" width="9.140625" style="264"/>
    <col min="15354" max="15354" width="9.140625" style="264" customWidth="1"/>
    <col min="15355" max="15355" width="7" style="264" customWidth="1"/>
    <col min="15356" max="15356" width="9.140625" style="264" customWidth="1"/>
    <col min="15357" max="15357" width="7.42578125" style="264" customWidth="1"/>
    <col min="15358" max="15358" width="9.140625" style="264" customWidth="1"/>
    <col min="15359" max="15359" width="7.42578125" style="264" customWidth="1"/>
    <col min="15360" max="15361" width="9.140625" style="264" customWidth="1"/>
    <col min="15362" max="15362" width="7.42578125" style="264" customWidth="1"/>
    <col min="15363" max="15363" width="9.140625" style="264" customWidth="1"/>
    <col min="15364" max="15364" width="7.85546875" style="264" customWidth="1"/>
    <col min="15365" max="15366" width="9.140625" style="264" customWidth="1"/>
    <col min="15367" max="15367" width="7.7109375" style="264" customWidth="1"/>
    <col min="15368" max="15368" width="9.140625" style="264" customWidth="1"/>
    <col min="15369" max="15369" width="7.5703125" style="264" customWidth="1"/>
    <col min="15370" max="15370" width="9.140625" style="264" customWidth="1"/>
    <col min="15371" max="15372" width="7.7109375" style="264" customWidth="1"/>
    <col min="15373" max="15373" width="8" style="264" customWidth="1"/>
    <col min="15374" max="15605" width="9.140625" style="264"/>
    <col min="15606" max="15606" width="32" style="264" customWidth="1"/>
    <col min="15607" max="15607" width="9.140625" style="264"/>
    <col min="15608" max="15608" width="9.140625" style="264" customWidth="1"/>
    <col min="15609" max="15609" width="9.140625" style="264"/>
    <col min="15610" max="15610" width="9.140625" style="264" customWidth="1"/>
    <col min="15611" max="15611" width="7" style="264" customWidth="1"/>
    <col min="15612" max="15612" width="9.140625" style="264" customWidth="1"/>
    <col min="15613" max="15613" width="7.42578125" style="264" customWidth="1"/>
    <col min="15614" max="15614" width="9.140625" style="264" customWidth="1"/>
    <col min="15615" max="15615" width="7.42578125" style="264" customWidth="1"/>
    <col min="15616" max="15617" width="9.140625" style="264" customWidth="1"/>
    <col min="15618" max="15618" width="7.42578125" style="264" customWidth="1"/>
    <col min="15619" max="15619" width="9.140625" style="264" customWidth="1"/>
    <col min="15620" max="15620" width="7.85546875" style="264" customWidth="1"/>
    <col min="15621" max="15622" width="9.140625" style="264" customWidth="1"/>
    <col min="15623" max="15623" width="7.7109375" style="264" customWidth="1"/>
    <col min="15624" max="15624" width="9.140625" style="264" customWidth="1"/>
    <col min="15625" max="15625" width="7.5703125" style="264" customWidth="1"/>
    <col min="15626" max="15626" width="9.140625" style="264" customWidth="1"/>
    <col min="15627" max="15628" width="7.7109375" style="264" customWidth="1"/>
    <col min="15629" max="15629" width="8" style="264" customWidth="1"/>
    <col min="15630" max="15861" width="9.140625" style="264"/>
    <col min="15862" max="15862" width="32" style="264" customWidth="1"/>
    <col min="15863" max="15863" width="9.140625" style="264"/>
    <col min="15864" max="15864" width="9.140625" style="264" customWidth="1"/>
    <col min="15865" max="15865" width="9.140625" style="264"/>
    <col min="15866" max="15866" width="9.140625" style="264" customWidth="1"/>
    <col min="15867" max="15867" width="7" style="264" customWidth="1"/>
    <col min="15868" max="15868" width="9.140625" style="264" customWidth="1"/>
    <col min="15869" max="15869" width="7.42578125" style="264" customWidth="1"/>
    <col min="15870" max="15870" width="9.140625" style="264" customWidth="1"/>
    <col min="15871" max="15871" width="7.42578125" style="264" customWidth="1"/>
    <col min="15872" max="15873" width="9.140625" style="264" customWidth="1"/>
    <col min="15874" max="15874" width="7.42578125" style="264" customWidth="1"/>
    <col min="15875" max="15875" width="9.140625" style="264" customWidth="1"/>
    <col min="15876" max="15876" width="7.85546875" style="264" customWidth="1"/>
    <col min="15877" max="15878" width="9.140625" style="264" customWidth="1"/>
    <col min="15879" max="15879" width="7.7109375" style="264" customWidth="1"/>
    <col min="15880" max="15880" width="9.140625" style="264" customWidth="1"/>
    <col min="15881" max="15881" width="7.5703125" style="264" customWidth="1"/>
    <col min="15882" max="15882" width="9.140625" style="264" customWidth="1"/>
    <col min="15883" max="15884" width="7.7109375" style="264" customWidth="1"/>
    <col min="15885" max="15885" width="8" style="264" customWidth="1"/>
    <col min="15886" max="16117" width="9.140625" style="264"/>
    <col min="16118" max="16118" width="32" style="264" customWidth="1"/>
    <col min="16119" max="16119" width="9.140625" style="264"/>
    <col min="16120" max="16120" width="9.140625" style="264" customWidth="1"/>
    <col min="16121" max="16121" width="9.140625" style="264"/>
    <col min="16122" max="16122" width="9.140625" style="264" customWidth="1"/>
    <col min="16123" max="16123" width="7" style="264" customWidth="1"/>
    <col min="16124" max="16124" width="9.140625" style="264" customWidth="1"/>
    <col min="16125" max="16125" width="7.42578125" style="264" customWidth="1"/>
    <col min="16126" max="16126" width="9.140625" style="264" customWidth="1"/>
    <col min="16127" max="16127" width="7.42578125" style="264" customWidth="1"/>
    <col min="16128" max="16129" width="9.140625" style="264" customWidth="1"/>
    <col min="16130" max="16130" width="7.42578125" style="264" customWidth="1"/>
    <col min="16131" max="16131" width="9.140625" style="264" customWidth="1"/>
    <col min="16132" max="16132" width="7.85546875" style="264" customWidth="1"/>
    <col min="16133" max="16134" width="9.140625" style="264" customWidth="1"/>
    <col min="16135" max="16135" width="7.7109375" style="264" customWidth="1"/>
    <col min="16136" max="16136" width="9.140625" style="264" customWidth="1"/>
    <col min="16137" max="16137" width="7.5703125" style="264" customWidth="1"/>
    <col min="16138" max="16138" width="9.140625" style="264" customWidth="1"/>
    <col min="16139" max="16140" width="7.7109375" style="264" customWidth="1"/>
    <col min="16141" max="16141" width="8" style="264" customWidth="1"/>
    <col min="16142" max="16384" width="9.140625" style="264"/>
  </cols>
  <sheetData>
    <row r="1" spans="1:13" ht="10.5" x14ac:dyDescent="0.2">
      <c r="A1" s="371"/>
    </row>
    <row r="3" spans="1:13" ht="11.25" customHeight="1" x14ac:dyDescent="0.2">
      <c r="A3" s="1007" t="s">
        <v>637</v>
      </c>
      <c r="B3" s="1007"/>
      <c r="C3" s="1007"/>
      <c r="D3" s="1007"/>
      <c r="E3" s="1007"/>
      <c r="F3" s="1007"/>
      <c r="G3" s="1007"/>
      <c r="H3" s="1007"/>
      <c r="I3" s="1007"/>
      <c r="J3" s="1007"/>
      <c r="K3" s="1007"/>
      <c r="L3" s="1007"/>
      <c r="M3" s="373"/>
    </row>
    <row r="4" spans="1:13" ht="11.25" customHeight="1" x14ac:dyDescent="0.2">
      <c r="A4" s="1007" t="s">
        <v>104</v>
      </c>
      <c r="B4" s="1007"/>
      <c r="C4" s="1007"/>
      <c r="D4" s="1007"/>
      <c r="E4" s="1007"/>
      <c r="F4" s="1007"/>
      <c r="G4" s="1007"/>
      <c r="H4" s="1007"/>
      <c r="I4" s="1007"/>
      <c r="J4" s="1007"/>
      <c r="K4" s="1007"/>
      <c r="L4" s="1007"/>
      <c r="M4" s="373"/>
    </row>
    <row r="5" spans="1:13" ht="11.25" customHeight="1" x14ac:dyDescent="0.2">
      <c r="A5" s="1007" t="s">
        <v>805</v>
      </c>
      <c r="B5" s="1007"/>
      <c r="C5" s="1007"/>
      <c r="D5" s="1007"/>
      <c r="E5" s="1007"/>
      <c r="F5" s="1007"/>
      <c r="G5" s="1007"/>
      <c r="H5" s="1007"/>
      <c r="I5" s="1007"/>
      <c r="J5" s="1007"/>
      <c r="K5" s="1007"/>
      <c r="L5" s="1007"/>
      <c r="M5" s="373"/>
    </row>
    <row r="6" spans="1:13" ht="11.25" customHeight="1" x14ac:dyDescent="0.2">
      <c r="A6" s="1008" t="s">
        <v>106</v>
      </c>
      <c r="B6" s="1007"/>
      <c r="C6" s="1007"/>
      <c r="D6" s="1007"/>
      <c r="E6" s="1007"/>
      <c r="F6" s="1007"/>
      <c r="G6" s="1007"/>
      <c r="H6" s="1007"/>
      <c r="I6" s="1007"/>
      <c r="J6" s="1007"/>
      <c r="K6" s="1007"/>
      <c r="L6" s="1007"/>
      <c r="M6" s="373"/>
    </row>
    <row r="7" spans="1:13" ht="11.25" customHeight="1" x14ac:dyDescent="0.2">
      <c r="A7" s="1007" t="s">
        <v>888</v>
      </c>
      <c r="B7" s="1007"/>
      <c r="C7" s="1007"/>
      <c r="D7" s="1007"/>
      <c r="E7" s="1007"/>
      <c r="F7" s="1007"/>
      <c r="G7" s="1007"/>
      <c r="H7" s="1007"/>
      <c r="I7" s="1007"/>
      <c r="J7" s="1007"/>
      <c r="K7" s="1007"/>
      <c r="L7" s="1007"/>
      <c r="M7" s="373"/>
    </row>
    <row r="8" spans="1:13" ht="11.25" customHeight="1" x14ac:dyDescent="0.2">
      <c r="A8" s="1006"/>
      <c r="B8" s="1006"/>
      <c r="C8" s="1006"/>
      <c r="D8" s="1006"/>
      <c r="E8" s="1006"/>
      <c r="F8" s="1006"/>
      <c r="G8" s="1006"/>
      <c r="H8" s="1006"/>
      <c r="I8" s="1006"/>
      <c r="J8" s="1006"/>
      <c r="K8" s="1006"/>
      <c r="L8" s="1006"/>
      <c r="M8" s="373"/>
    </row>
    <row r="9" spans="1:13" ht="11.25" customHeight="1" x14ac:dyDescent="0.2">
      <c r="A9" s="1012" t="s">
        <v>806</v>
      </c>
      <c r="B9" s="1012"/>
      <c r="C9" s="1012"/>
      <c r="D9" s="1012"/>
      <c r="E9" s="372"/>
      <c r="F9" s="372"/>
      <c r="G9" s="372"/>
      <c r="H9" s="372"/>
      <c r="I9" s="372"/>
      <c r="J9" s="372"/>
      <c r="K9" s="1009">
        <v>1</v>
      </c>
      <c r="L9" s="1009"/>
      <c r="M9" s="373"/>
    </row>
    <row r="10" spans="1:13" s="217" customFormat="1" ht="12" customHeight="1" x14ac:dyDescent="0.2">
      <c r="A10" s="803" t="s">
        <v>172</v>
      </c>
      <c r="B10" s="772" t="s">
        <v>807</v>
      </c>
      <c r="C10" s="773"/>
      <c r="D10" s="774"/>
      <c r="E10" s="788" t="s">
        <v>876</v>
      </c>
      <c r="F10" s="723"/>
      <c r="G10" s="723"/>
      <c r="H10" s="723"/>
      <c r="I10" s="723"/>
      <c r="J10" s="724"/>
      <c r="K10" s="1010" t="s">
        <v>808</v>
      </c>
      <c r="L10" s="1011"/>
      <c r="M10" s="373"/>
    </row>
    <row r="11" spans="1:13" s="217" customFormat="1" ht="11.25" customHeight="1" x14ac:dyDescent="0.2">
      <c r="A11" s="795"/>
      <c r="B11" s="794" t="s">
        <v>809</v>
      </c>
      <c r="C11" s="802"/>
      <c r="D11" s="777"/>
      <c r="E11" s="786" t="s">
        <v>810</v>
      </c>
      <c r="F11" s="793"/>
      <c r="G11" s="803"/>
      <c r="H11" s="786" t="s">
        <v>811</v>
      </c>
      <c r="I11" s="793"/>
      <c r="J11" s="803"/>
      <c r="K11" s="797"/>
      <c r="L11" s="802"/>
      <c r="M11" s="373"/>
    </row>
    <row r="12" spans="1:13" s="217" customFormat="1" ht="11.25" customHeight="1" x14ac:dyDescent="0.2">
      <c r="A12" s="795"/>
      <c r="B12" s="794" t="s">
        <v>812</v>
      </c>
      <c r="C12" s="802"/>
      <c r="D12" s="777"/>
      <c r="E12" s="794"/>
      <c r="F12" s="1034"/>
      <c r="G12" s="795"/>
      <c r="H12" s="794"/>
      <c r="I12" s="1034"/>
      <c r="J12" s="795"/>
      <c r="K12" s="794" t="s">
        <v>813</v>
      </c>
      <c r="L12" s="1034"/>
      <c r="M12" s="373"/>
    </row>
    <row r="13" spans="1:13" s="217" customFormat="1" ht="21" customHeight="1" x14ac:dyDescent="0.2">
      <c r="A13" s="796"/>
      <c r="B13" s="787" t="s">
        <v>115</v>
      </c>
      <c r="C13" s="799"/>
      <c r="D13" s="778"/>
      <c r="E13" s="787"/>
      <c r="F13" s="809"/>
      <c r="G13" s="796"/>
      <c r="H13" s="799" t="s">
        <v>116</v>
      </c>
      <c r="I13" s="799"/>
      <c r="J13" s="778"/>
      <c r="K13" s="787"/>
      <c r="L13" s="809"/>
      <c r="M13" s="373"/>
    </row>
    <row r="14" spans="1:13" s="155" customFormat="1" ht="11.25" customHeight="1" x14ac:dyDescent="0.2">
      <c r="A14" s="374" t="s">
        <v>814</v>
      </c>
      <c r="B14" s="1013"/>
      <c r="C14" s="1014"/>
      <c r="D14" s="1015"/>
      <c r="E14" s="1014"/>
      <c r="F14" s="1014"/>
      <c r="G14" s="1015"/>
      <c r="H14" s="1014"/>
      <c r="I14" s="1014"/>
      <c r="J14" s="1015"/>
      <c r="K14" s="1013"/>
      <c r="L14" s="1014"/>
      <c r="M14" s="375"/>
    </row>
    <row r="15" spans="1:13" s="217" customFormat="1" ht="11.25" customHeight="1" x14ac:dyDescent="0.2">
      <c r="A15" s="54" t="s">
        <v>815</v>
      </c>
      <c r="B15" s="1016"/>
      <c r="C15" s="1017"/>
      <c r="D15" s="1018"/>
      <c r="E15" s="1019"/>
      <c r="F15" s="1017"/>
      <c r="G15" s="1018"/>
      <c r="H15" s="1019"/>
      <c r="I15" s="1017"/>
      <c r="J15" s="1018"/>
      <c r="K15" s="1016"/>
      <c r="L15" s="1019"/>
      <c r="M15" s="373"/>
    </row>
    <row r="16" spans="1:13" s="217" customFormat="1" ht="11.25" customHeight="1" x14ac:dyDescent="0.2">
      <c r="A16" s="54" t="s">
        <v>816</v>
      </c>
      <c r="B16" s="1016"/>
      <c r="C16" s="1017"/>
      <c r="D16" s="1018"/>
      <c r="E16" s="1019"/>
      <c r="F16" s="1017"/>
      <c r="G16" s="1018"/>
      <c r="H16" s="1019"/>
      <c r="I16" s="1017"/>
      <c r="J16" s="1018"/>
      <c r="K16" s="1016"/>
      <c r="L16" s="1019"/>
      <c r="M16" s="373"/>
    </row>
    <row r="17" spans="1:13" s="217" customFormat="1" ht="11.25" customHeight="1" x14ac:dyDescent="0.2">
      <c r="A17" s="54" t="s">
        <v>817</v>
      </c>
      <c r="B17" s="1020"/>
      <c r="C17" s="1021"/>
      <c r="D17" s="1022"/>
      <c r="E17" s="1021"/>
      <c r="F17" s="1021"/>
      <c r="G17" s="1022"/>
      <c r="H17" s="1021"/>
      <c r="I17" s="1021"/>
      <c r="J17" s="1022"/>
      <c r="K17" s="1020"/>
      <c r="L17" s="1021"/>
      <c r="M17" s="373"/>
    </row>
    <row r="18" spans="1:13" s="155" customFormat="1" ht="11.25" customHeight="1" x14ac:dyDescent="0.2">
      <c r="A18" s="374" t="s">
        <v>818</v>
      </c>
      <c r="B18" s="1013"/>
      <c r="C18" s="1014"/>
      <c r="D18" s="1015"/>
      <c r="E18" s="1014"/>
      <c r="F18" s="1014"/>
      <c r="G18" s="1015"/>
      <c r="H18" s="1014"/>
      <c r="I18" s="1014"/>
      <c r="J18" s="1015"/>
      <c r="K18" s="1013"/>
      <c r="L18" s="1014"/>
      <c r="M18" s="375"/>
    </row>
    <row r="19" spans="1:13" s="217" customFormat="1" ht="11.25" customHeight="1" x14ac:dyDescent="0.2">
      <c r="A19" s="54" t="s">
        <v>819</v>
      </c>
      <c r="B19" s="1016"/>
      <c r="C19" s="1017"/>
      <c r="D19" s="1018"/>
      <c r="E19" s="1019"/>
      <c r="F19" s="1017"/>
      <c r="G19" s="1018"/>
      <c r="H19" s="1019"/>
      <c r="I19" s="1017"/>
      <c r="J19" s="1018"/>
      <c r="K19" s="1016"/>
      <c r="L19" s="1019"/>
      <c r="M19" s="373"/>
    </row>
    <row r="20" spans="1:13" s="217" customFormat="1" ht="11.25" customHeight="1" x14ac:dyDescent="0.2">
      <c r="A20" s="54" t="s">
        <v>820</v>
      </c>
      <c r="B20" s="1016"/>
      <c r="C20" s="1017"/>
      <c r="D20" s="1018"/>
      <c r="E20" s="1019"/>
      <c r="F20" s="1017"/>
      <c r="G20" s="1018"/>
      <c r="H20" s="1019"/>
      <c r="I20" s="1017"/>
      <c r="J20" s="1018"/>
      <c r="K20" s="1016"/>
      <c r="L20" s="1019"/>
      <c r="M20" s="373"/>
    </row>
    <row r="21" spans="1:13" s="217" customFormat="1" ht="11.25" customHeight="1" x14ac:dyDescent="0.2">
      <c r="A21" s="54" t="s">
        <v>821</v>
      </c>
      <c r="B21" s="1020"/>
      <c r="C21" s="1021"/>
      <c r="D21" s="1022"/>
      <c r="E21" s="1021"/>
      <c r="F21" s="1021"/>
      <c r="G21" s="1022"/>
      <c r="H21" s="1021"/>
      <c r="I21" s="1021"/>
      <c r="J21" s="1022"/>
      <c r="K21" s="1020"/>
      <c r="L21" s="1021"/>
      <c r="M21" s="373"/>
    </row>
    <row r="22" spans="1:13" s="217" customFormat="1" ht="11.25" customHeight="1" x14ac:dyDescent="0.2">
      <c r="A22" s="376" t="s">
        <v>822</v>
      </c>
      <c r="B22" s="1023"/>
      <c r="C22" s="1024"/>
      <c r="D22" s="1025"/>
      <c r="E22" s="1024"/>
      <c r="F22" s="1024"/>
      <c r="G22" s="1025"/>
      <c r="H22" s="1024"/>
      <c r="I22" s="1024"/>
      <c r="J22" s="1025"/>
      <c r="K22" s="1023"/>
      <c r="L22" s="1024"/>
      <c r="M22" s="373"/>
    </row>
    <row r="23" spans="1:13" s="217" customFormat="1" ht="11.25" customHeight="1" x14ac:dyDescent="0.2">
      <c r="A23" s="377" t="s">
        <v>823</v>
      </c>
      <c r="B23" s="1023"/>
      <c r="C23" s="1024"/>
      <c r="D23" s="1025"/>
      <c r="E23" s="1024"/>
      <c r="F23" s="1024"/>
      <c r="G23" s="1025"/>
      <c r="H23" s="1024"/>
      <c r="I23" s="1024"/>
      <c r="J23" s="1025"/>
      <c r="K23" s="1023"/>
      <c r="L23" s="1024"/>
      <c r="M23" s="373"/>
    </row>
    <row r="24" spans="1:13" s="217" customFormat="1" ht="11.25" customHeight="1" x14ac:dyDescent="0.2">
      <c r="A24" s="378" t="s">
        <v>824</v>
      </c>
      <c r="B24" s="1026"/>
      <c r="C24" s="1027"/>
      <c r="D24" s="1028"/>
      <c r="E24" s="1027"/>
      <c r="F24" s="1027"/>
      <c r="G24" s="1028"/>
      <c r="H24" s="1027"/>
      <c r="I24" s="1027"/>
      <c r="J24" s="1028"/>
      <c r="K24" s="1026"/>
      <c r="L24" s="1027"/>
      <c r="M24" s="373"/>
    </row>
    <row r="25" spans="1:13" s="217" customFormat="1" ht="11.25" customHeight="1" x14ac:dyDescent="0.2">
      <c r="A25" s="54" t="s">
        <v>825</v>
      </c>
      <c r="B25" s="1016"/>
      <c r="C25" s="1017"/>
      <c r="D25" s="1018"/>
      <c r="E25" s="1019"/>
      <c r="F25" s="1017"/>
      <c r="G25" s="1018"/>
      <c r="H25" s="1019"/>
      <c r="I25" s="1017"/>
      <c r="J25" s="1018"/>
      <c r="K25" s="1016"/>
      <c r="L25" s="1019"/>
      <c r="M25" s="373"/>
    </row>
    <row r="26" spans="1:13" s="217" customFormat="1" ht="11.25" customHeight="1" x14ac:dyDescent="0.2">
      <c r="A26" s="54" t="s">
        <v>826</v>
      </c>
      <c r="B26" s="1016"/>
      <c r="C26" s="1017"/>
      <c r="D26" s="1018"/>
      <c r="E26" s="1019"/>
      <c r="F26" s="1017"/>
      <c r="G26" s="1018"/>
      <c r="H26" s="1019"/>
      <c r="I26" s="1017"/>
      <c r="J26" s="1018"/>
      <c r="K26" s="1016"/>
      <c r="L26" s="1019"/>
      <c r="M26" s="373"/>
    </row>
    <row r="27" spans="1:13" s="217" customFormat="1" ht="11.25" customHeight="1" x14ac:dyDescent="0.2">
      <c r="A27" s="379" t="s">
        <v>827</v>
      </c>
      <c r="B27" s="1020"/>
      <c r="C27" s="1021"/>
      <c r="D27" s="1022"/>
      <c r="E27" s="1021"/>
      <c r="F27" s="1021"/>
      <c r="G27" s="1022"/>
      <c r="H27" s="1021"/>
      <c r="I27" s="1021"/>
      <c r="J27" s="1022"/>
      <c r="K27" s="1020"/>
      <c r="L27" s="1021"/>
      <c r="M27" s="373"/>
    </row>
    <row r="28" spans="1:13" s="155" customFormat="1" ht="11.25" customHeight="1" x14ac:dyDescent="0.2">
      <c r="A28" s="378" t="s">
        <v>828</v>
      </c>
      <c r="B28" s="1013"/>
      <c r="C28" s="1014"/>
      <c r="D28" s="1015"/>
      <c r="E28" s="1014"/>
      <c r="F28" s="1014"/>
      <c r="G28" s="1015"/>
      <c r="H28" s="1014"/>
      <c r="I28" s="1014"/>
      <c r="J28" s="1015"/>
      <c r="K28" s="1013"/>
      <c r="L28" s="1014"/>
      <c r="M28" s="375"/>
    </row>
    <row r="29" spans="1:13" s="217" customFormat="1" ht="11.25" customHeight="1" x14ac:dyDescent="0.2">
      <c r="A29" s="54" t="s">
        <v>829</v>
      </c>
      <c r="B29" s="1016"/>
      <c r="C29" s="1017"/>
      <c r="D29" s="1018"/>
      <c r="E29" s="1019"/>
      <c r="F29" s="1017"/>
      <c r="G29" s="1018"/>
      <c r="H29" s="1019"/>
      <c r="I29" s="1017"/>
      <c r="J29" s="1018"/>
      <c r="K29" s="1016"/>
      <c r="L29" s="1019"/>
      <c r="M29" s="373"/>
    </row>
    <row r="30" spans="1:13" s="217" customFormat="1" ht="11.25" customHeight="1" x14ac:dyDescent="0.2">
      <c r="A30" s="379" t="s">
        <v>830</v>
      </c>
      <c r="B30" s="1020"/>
      <c r="C30" s="1021"/>
      <c r="D30" s="1022"/>
      <c r="E30" s="1021"/>
      <c r="F30" s="1021"/>
      <c r="G30" s="1022"/>
      <c r="H30" s="1021"/>
      <c r="I30" s="1021"/>
      <c r="J30" s="1022"/>
      <c r="K30" s="1020"/>
      <c r="L30" s="1021"/>
      <c r="M30" s="373"/>
    </row>
    <row r="31" spans="1:13" ht="11.25" customHeight="1" x14ac:dyDescent="0.2">
      <c r="A31" s="380"/>
      <c r="B31" s="380"/>
      <c r="C31" s="380"/>
      <c r="D31" s="380"/>
      <c r="E31" s="372"/>
      <c r="F31" s="372"/>
      <c r="G31" s="372"/>
      <c r="H31" s="372"/>
      <c r="I31" s="372"/>
      <c r="J31" s="372"/>
      <c r="K31" s="381"/>
      <c r="L31" s="381"/>
      <c r="M31" s="373"/>
    </row>
    <row r="32" spans="1:13" ht="15" customHeight="1" x14ac:dyDescent="0.2">
      <c r="A32" s="367"/>
      <c r="B32" s="369" t="s">
        <v>831</v>
      </c>
      <c r="C32" s="369" t="s">
        <v>832</v>
      </c>
      <c r="D32" s="784">
        <v>2017</v>
      </c>
      <c r="E32" s="784">
        <v>2018</v>
      </c>
      <c r="F32" s="784">
        <v>2019</v>
      </c>
      <c r="G32" s="784">
        <v>2020</v>
      </c>
      <c r="H32" s="784">
        <v>2021</v>
      </c>
      <c r="I32" s="784">
        <v>2022</v>
      </c>
      <c r="J32" s="784">
        <v>2023</v>
      </c>
      <c r="K32" s="784">
        <v>2024</v>
      </c>
      <c r="L32" s="786">
        <v>2025</v>
      </c>
      <c r="M32" s="382"/>
    </row>
    <row r="33" spans="1:13" ht="11.25" customHeight="1" x14ac:dyDescent="0.2">
      <c r="A33" s="370" t="s">
        <v>833</v>
      </c>
      <c r="B33" s="365" t="s">
        <v>834</v>
      </c>
      <c r="C33" s="365" t="s">
        <v>835</v>
      </c>
      <c r="D33" s="1035"/>
      <c r="E33" s="1035"/>
      <c r="F33" s="1030"/>
      <c r="G33" s="1030"/>
      <c r="H33" s="1030"/>
      <c r="I33" s="1030"/>
      <c r="J33" s="1030"/>
      <c r="K33" s="1030"/>
      <c r="L33" s="1032"/>
      <c r="M33" s="382"/>
    </row>
    <row r="34" spans="1:13" ht="15" customHeight="1" x14ac:dyDescent="0.2">
      <c r="A34" s="368"/>
      <c r="B34" s="366"/>
      <c r="C34" s="366">
        <v>2016</v>
      </c>
      <c r="D34" s="785"/>
      <c r="E34" s="785"/>
      <c r="F34" s="1031"/>
      <c r="G34" s="1031"/>
      <c r="H34" s="1031"/>
      <c r="I34" s="1031"/>
      <c r="J34" s="1031"/>
      <c r="K34" s="1031"/>
      <c r="L34" s="1033"/>
      <c r="M34" s="382"/>
    </row>
    <row r="35" spans="1:13" ht="11.25" customHeight="1" x14ac:dyDescent="0.2">
      <c r="A35" s="264" t="s">
        <v>836</v>
      </c>
      <c r="B35" s="607"/>
      <c r="C35" s="607"/>
      <c r="D35" s="607"/>
      <c r="E35" s="607"/>
      <c r="F35" s="607"/>
      <c r="G35" s="607"/>
      <c r="H35" s="607"/>
      <c r="I35" s="607"/>
      <c r="J35" s="607"/>
      <c r="K35" s="608"/>
      <c r="L35" s="609"/>
      <c r="M35" s="383"/>
    </row>
    <row r="36" spans="1:13" ht="11.25" customHeight="1" x14ac:dyDescent="0.2">
      <c r="A36" s="54"/>
      <c r="B36" s="607"/>
      <c r="C36" s="607"/>
      <c r="D36" s="607"/>
      <c r="E36" s="607"/>
      <c r="F36" s="607"/>
      <c r="G36" s="607"/>
      <c r="H36" s="607"/>
      <c r="I36" s="607"/>
      <c r="J36" s="607"/>
      <c r="K36" s="608"/>
      <c r="L36" s="609"/>
      <c r="M36" s="383"/>
    </row>
    <row r="37" spans="1:13" ht="11.25" customHeight="1" x14ac:dyDescent="0.2">
      <c r="A37" s="264" t="s">
        <v>837</v>
      </c>
      <c r="B37" s="607"/>
      <c r="C37" s="607"/>
      <c r="D37" s="607"/>
      <c r="E37" s="607"/>
      <c r="F37" s="607"/>
      <c r="G37" s="607"/>
      <c r="H37" s="607"/>
      <c r="I37" s="607"/>
      <c r="J37" s="607"/>
      <c r="K37" s="608"/>
      <c r="L37" s="609"/>
      <c r="M37" s="383"/>
    </row>
    <row r="38" spans="1:13" ht="11.25" customHeight="1" x14ac:dyDescent="0.2">
      <c r="A38" s="54"/>
      <c r="B38" s="607"/>
      <c r="C38" s="607"/>
      <c r="D38" s="607"/>
      <c r="E38" s="607"/>
      <c r="F38" s="607"/>
      <c r="G38" s="607"/>
      <c r="H38" s="607"/>
      <c r="I38" s="607"/>
      <c r="J38" s="607"/>
      <c r="K38" s="608"/>
      <c r="L38" s="609"/>
      <c r="M38" s="383"/>
    </row>
    <row r="39" spans="1:13" ht="11.25" customHeight="1" x14ac:dyDescent="0.2">
      <c r="A39" s="376" t="s">
        <v>838</v>
      </c>
      <c r="B39" s="472"/>
      <c r="C39" s="472"/>
      <c r="D39" s="472"/>
      <c r="E39" s="472"/>
      <c r="F39" s="472"/>
      <c r="G39" s="472"/>
      <c r="H39" s="472"/>
      <c r="I39" s="472"/>
      <c r="J39" s="472"/>
      <c r="K39" s="610"/>
      <c r="L39" s="611"/>
      <c r="M39" s="383"/>
    </row>
    <row r="40" spans="1:13" ht="15.75" customHeight="1" x14ac:dyDescent="0.2">
      <c r="A40" s="377" t="s">
        <v>839</v>
      </c>
      <c r="B40" s="472"/>
      <c r="C40" s="472">
        <v>8900020904.5259972</v>
      </c>
      <c r="D40" s="472"/>
      <c r="E40" s="472"/>
      <c r="F40" s="472"/>
      <c r="G40" s="472"/>
      <c r="H40" s="472"/>
      <c r="I40" s="472"/>
      <c r="J40" s="472"/>
      <c r="K40" s="612"/>
      <c r="L40" s="611"/>
      <c r="M40" s="383"/>
    </row>
    <row r="41" spans="1:13" ht="11.25" customHeight="1" x14ac:dyDescent="0.2">
      <c r="A41" s="377" t="s">
        <v>840</v>
      </c>
      <c r="B41" s="472"/>
      <c r="C41" s="472"/>
      <c r="D41" s="472"/>
      <c r="E41" s="472"/>
      <c r="F41" s="472"/>
      <c r="G41" s="472"/>
      <c r="H41" s="472"/>
      <c r="I41" s="472"/>
      <c r="J41" s="472"/>
      <c r="K41" s="612"/>
      <c r="L41" s="611"/>
      <c r="M41" s="383"/>
    </row>
    <row r="42" spans="1:13" ht="11.25" customHeight="1" x14ac:dyDescent="0.2">
      <c r="A42" s="384" t="s">
        <v>841</v>
      </c>
      <c r="B42" s="385"/>
      <c r="C42" s="385"/>
      <c r="D42" s="385"/>
      <c r="E42" s="385"/>
      <c r="F42" s="385"/>
      <c r="G42" s="385"/>
      <c r="H42" s="385"/>
      <c r="I42" s="385"/>
      <c r="J42" s="385"/>
      <c r="K42" s="385"/>
      <c r="L42" s="385"/>
      <c r="M42" s="386"/>
    </row>
    <row r="43" spans="1:13" ht="10.5" x14ac:dyDescent="0.2">
      <c r="A43" s="101" t="s">
        <v>846</v>
      </c>
      <c r="B43" s="17"/>
      <c r="C43" s="17"/>
      <c r="D43" s="17"/>
      <c r="E43" s="17"/>
      <c r="F43" s="17"/>
      <c r="G43" s="17"/>
      <c r="H43" s="17"/>
      <c r="I43" s="17"/>
      <c r="J43" s="1029"/>
      <c r="K43" s="1029"/>
      <c r="L43" s="1029"/>
      <c r="M43" s="56"/>
    </row>
    <row r="44" spans="1:13" ht="11.25" customHeight="1" x14ac:dyDescent="0.2">
      <c r="A44" s="217"/>
    </row>
    <row r="52" s="45" customFormat="1" ht="11.25" customHeight="1" x14ac:dyDescent="0.2"/>
    <row r="53" s="45" customFormat="1" ht="11.25" customHeight="1" x14ac:dyDescent="0.2"/>
    <row r="54" s="45" customFormat="1" ht="11.25" customHeight="1" x14ac:dyDescent="0.2"/>
    <row r="55" s="45" customFormat="1" ht="11.25" customHeight="1" x14ac:dyDescent="0.2"/>
    <row r="56" s="45" customFormat="1" ht="11.25" customHeight="1" x14ac:dyDescent="0.2"/>
    <row r="57" s="45" customFormat="1" ht="11.25" customHeight="1" x14ac:dyDescent="0.2"/>
    <row r="58" s="45" customFormat="1" ht="11.25" customHeight="1" x14ac:dyDescent="0.2"/>
  </sheetData>
  <customSheetViews>
    <customSheetView guid="{C779D862-DE28-46CD-A428-4AAA1056D1E1}" showPageBreaks="1" showGridLines="0" fitToPage="1" printArea="1">
      <selection activeCell="N26" sqref="N26"/>
      <pageMargins left="0.19685039370078741" right="0.19685039370078741" top="0.59055118110236227" bottom="0.19685039370078741" header="0" footer="0"/>
      <printOptions horizontalCentered="1"/>
      <pageSetup paperSize="9" scale="70" orientation="portrait" r:id="rId1"/>
    </customSheetView>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71" orientation="portrait" r:id="rId2"/>
    </customSheetView>
    <customSheetView guid="{3AAF6A5F-F9AA-430B-9AD9-1261ECDF41B5}" showPageBreaks="1" showGridLines="0" fitToPage="1" printArea="1" topLeftCell="A37">
      <selection activeCell="E126" sqref="E126"/>
      <pageMargins left="0.19685039370078741" right="0.19685039370078741" top="0.59055118110236227" bottom="0.19685039370078741" header="0" footer="0"/>
      <printOptions horizontalCentered="1"/>
      <pageSetup paperSize="9" scale="70" orientation="portrait" r:id="rId3"/>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4"/>
    </customSheetView>
    <customSheetView guid="{B4FED47C-EE37-4843-A570-282D4F8229D4}" showGridLines="0" fitToPage="1">
      <selection activeCell="A8" sqref="A8:L8"/>
      <pageMargins left="0.19685039370078741" right="0.19685039370078741" top="0.59055118110236227" bottom="0.19685039370078741" header="0" footer="0"/>
      <printOptions horizontalCentered="1"/>
      <pageSetup paperSize="9" scale="70" orientation="portrait" r:id="rId5"/>
    </customSheetView>
    <customSheetView guid="{6DBFA32C-4AA4-4E1D-9A48-697377C64CC3}" showPageBreaks="1" showGridLines="0" fitToPage="1" printArea="1" topLeftCell="A22">
      <selection activeCell="C40" sqref="C40"/>
      <pageMargins left="0.19685039370078741" right="0.19685039370078741" top="0.59055118110236227" bottom="0.19685039370078741" header="0" footer="0"/>
      <printOptions horizontalCentered="1"/>
      <pageSetup paperSize="9" scale="71" orientation="portrait" r:id="rId6"/>
    </customSheetView>
    <customSheetView guid="{25EF1E0D-169B-4051-B414-7E1196FC05E4}" showPageBreaks="1" showGridLines="0" fitToPage="1" printArea="1">
      <selection activeCell="D93" sqref="D93"/>
      <pageMargins left="0.19685039370078741" right="0.19685039370078741" top="0.59055118110236227" bottom="0.19685039370078741" header="0" footer="0"/>
      <printOptions horizontalCentered="1"/>
      <pageSetup paperSize="9" scale="70" orientation="portrait" r:id="rId7"/>
    </customSheetView>
  </customSheetViews>
  <mergeCells count="97">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 ref="H30:J30"/>
    <mergeCell ref="K30:L30"/>
    <mergeCell ref="B28:D28"/>
    <mergeCell ref="E28:G28"/>
    <mergeCell ref="H28:J28"/>
    <mergeCell ref="K28:L28"/>
    <mergeCell ref="B29:D29"/>
    <mergeCell ref="E29:G29"/>
    <mergeCell ref="H29:J29"/>
    <mergeCell ref="K29:L29"/>
    <mergeCell ref="B26:D26"/>
    <mergeCell ref="E26:G26"/>
    <mergeCell ref="H26:J26"/>
    <mergeCell ref="K26:L26"/>
    <mergeCell ref="B27:D27"/>
    <mergeCell ref="E27:G27"/>
    <mergeCell ref="H27:J27"/>
    <mergeCell ref="K27:L27"/>
    <mergeCell ref="B24:D24"/>
    <mergeCell ref="E24:G24"/>
    <mergeCell ref="H24:J24"/>
    <mergeCell ref="K24:L24"/>
    <mergeCell ref="B25:D25"/>
    <mergeCell ref="E25:G25"/>
    <mergeCell ref="H25:J25"/>
    <mergeCell ref="K25:L25"/>
    <mergeCell ref="B22:D22"/>
    <mergeCell ref="E22:G22"/>
    <mergeCell ref="H22:J22"/>
    <mergeCell ref="K22:L22"/>
    <mergeCell ref="B23:D23"/>
    <mergeCell ref="E23:G23"/>
    <mergeCell ref="H23:J23"/>
    <mergeCell ref="K23:L23"/>
    <mergeCell ref="B20:D20"/>
    <mergeCell ref="E20:G20"/>
    <mergeCell ref="H20:J20"/>
    <mergeCell ref="K20:L20"/>
    <mergeCell ref="B21:D21"/>
    <mergeCell ref="E21:G21"/>
    <mergeCell ref="H21:J21"/>
    <mergeCell ref="K21:L21"/>
    <mergeCell ref="B18:D18"/>
    <mergeCell ref="E18:G18"/>
    <mergeCell ref="H18:J18"/>
    <mergeCell ref="K18:L18"/>
    <mergeCell ref="B19:D19"/>
    <mergeCell ref="E19:G19"/>
    <mergeCell ref="H19:J19"/>
    <mergeCell ref="K19:L19"/>
    <mergeCell ref="B16:D16"/>
    <mergeCell ref="E16:G16"/>
    <mergeCell ref="H16:J16"/>
    <mergeCell ref="K16:L16"/>
    <mergeCell ref="B17:D17"/>
    <mergeCell ref="E17:G17"/>
    <mergeCell ref="H17:J17"/>
    <mergeCell ref="K17:L17"/>
    <mergeCell ref="B14:D14"/>
    <mergeCell ref="E14:G14"/>
    <mergeCell ref="H14:J14"/>
    <mergeCell ref="K14:L14"/>
    <mergeCell ref="B15:D15"/>
    <mergeCell ref="E15:G15"/>
    <mergeCell ref="H15:J15"/>
    <mergeCell ref="K15:L15"/>
    <mergeCell ref="B12:D12"/>
    <mergeCell ref="B13:D13"/>
    <mergeCell ref="H13:J13"/>
    <mergeCell ref="K9:L9"/>
    <mergeCell ref="B10:D10"/>
    <mergeCell ref="E10:J10"/>
    <mergeCell ref="K10:L11"/>
    <mergeCell ref="B11:D11"/>
    <mergeCell ref="A9:D9"/>
    <mergeCell ref="A8:L8"/>
    <mergeCell ref="A3:L3"/>
    <mergeCell ref="A4:L4"/>
    <mergeCell ref="A5:L5"/>
    <mergeCell ref="A6:L6"/>
    <mergeCell ref="A7:L7"/>
  </mergeCells>
  <printOptions horizontalCentered="1"/>
  <pageMargins left="0.19685039370078741" right="0.19685039370078741" top="0.59055118110236227" bottom="0.19685039370078741" header="0" footer="0"/>
  <pageSetup paperSize="9" scale="71" orientation="portrait" r:id="rId8"/>
  <drawing r:id="rId9"/>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tabColor rgb="FF00B050"/>
    <pageSetUpPr fitToPage="1"/>
  </sheetPr>
  <dimension ref="A1:U113"/>
  <sheetViews>
    <sheetView showGridLines="0" zoomScaleNormal="100" workbookViewId="0"/>
  </sheetViews>
  <sheetFormatPr defaultColWidth="1" defaultRowHeight="11.25" customHeight="1" x14ac:dyDescent="0.2"/>
  <cols>
    <col min="1" max="1" width="92.5703125" style="1" customWidth="1"/>
    <col min="2" max="2" width="18.7109375" style="1" customWidth="1"/>
    <col min="3" max="3" width="19.140625" style="67" customWidth="1"/>
    <col min="4" max="6" width="17.28515625" style="1" bestFit="1" customWidth="1"/>
    <col min="7" max="59" width="15.7109375" style="1" customWidth="1"/>
    <col min="60" max="16384" width="1" style="1"/>
  </cols>
  <sheetData>
    <row r="1" spans="1:13" s="26" customFormat="1" ht="10.5" x14ac:dyDescent="0.2">
      <c r="A1" s="290"/>
      <c r="B1" s="290"/>
      <c r="C1" s="290"/>
      <c r="D1" s="290"/>
      <c r="E1" s="290"/>
    </row>
    <row r="2" spans="1:13" s="26" customFormat="1" ht="11.25" customHeight="1" x14ac:dyDescent="0.2">
      <c r="A2" s="130"/>
    </row>
    <row r="3" spans="1:13" s="45" customFormat="1" ht="11.25" customHeight="1" x14ac:dyDescent="0.2">
      <c r="A3" s="994" t="s">
        <v>637</v>
      </c>
      <c r="B3" s="994"/>
      <c r="C3" s="994"/>
      <c r="D3" s="994"/>
      <c r="E3" s="994"/>
      <c r="F3" s="279"/>
      <c r="G3" s="279"/>
      <c r="H3" s="279"/>
      <c r="I3" s="279"/>
      <c r="J3" s="279"/>
      <c r="K3" s="279"/>
      <c r="L3" s="279"/>
      <c r="M3" s="279"/>
    </row>
    <row r="4" spans="1:13" s="45" customFormat="1" ht="11.25" customHeight="1" x14ac:dyDescent="0.2">
      <c r="A4" s="713" t="s">
        <v>250</v>
      </c>
      <c r="B4" s="713"/>
      <c r="C4" s="713"/>
      <c r="D4" s="713"/>
      <c r="E4" s="713"/>
    </row>
    <row r="5" spans="1:13" s="45" customFormat="1" ht="11.25" customHeight="1" x14ac:dyDescent="0.2">
      <c r="A5" s="994" t="s">
        <v>105</v>
      </c>
      <c r="B5" s="994"/>
      <c r="C5" s="994"/>
      <c r="D5" s="994"/>
      <c r="E5" s="994"/>
    </row>
    <row r="6" spans="1:13" s="45" customFormat="1" ht="11.25" customHeight="1" x14ac:dyDescent="0.2">
      <c r="A6" s="994" t="s">
        <v>106</v>
      </c>
      <c r="B6" s="994"/>
      <c r="C6" s="994"/>
      <c r="D6" s="994"/>
      <c r="E6" s="994"/>
    </row>
    <row r="7" spans="1:13" s="45" customFormat="1" ht="11.25" customHeight="1" x14ac:dyDescent="0.2">
      <c r="A7" s="994" t="s">
        <v>888</v>
      </c>
      <c r="B7" s="994"/>
      <c r="C7" s="994"/>
      <c r="D7" s="994"/>
      <c r="E7" s="994"/>
    </row>
    <row r="8" spans="1:13" s="45" customFormat="1" ht="11.25" customHeight="1" x14ac:dyDescent="0.2">
      <c r="A8" s="250"/>
      <c r="B8" s="250"/>
      <c r="C8" s="250"/>
      <c r="D8" s="250"/>
      <c r="E8" s="250"/>
    </row>
    <row r="9" spans="1:13" s="26" customFormat="1" ht="11.25" customHeight="1" x14ac:dyDescent="0.2">
      <c r="A9" s="26" t="s">
        <v>804</v>
      </c>
      <c r="B9" s="132"/>
      <c r="E9" s="225">
        <v>1</v>
      </c>
    </row>
    <row r="10" spans="1:13" s="26" customFormat="1" ht="21" customHeight="1" x14ac:dyDescent="0.2">
      <c r="A10" s="133" t="s">
        <v>105</v>
      </c>
      <c r="B10" s="1036" t="s">
        <v>114</v>
      </c>
      <c r="C10" s="1037"/>
      <c r="D10" s="1037"/>
      <c r="E10" s="1037"/>
    </row>
    <row r="11" spans="1:13" s="66" customFormat="1" ht="11.25" customHeight="1" x14ac:dyDescent="0.2">
      <c r="A11" s="160" t="s">
        <v>109</v>
      </c>
      <c r="B11" s="711"/>
      <c r="C11" s="744"/>
      <c r="D11" s="744"/>
      <c r="E11" s="744"/>
    </row>
    <row r="12" spans="1:13" ht="11.25" customHeight="1" x14ac:dyDescent="0.2">
      <c r="A12" s="22" t="s">
        <v>313</v>
      </c>
      <c r="B12" s="697">
        <v>13926525000</v>
      </c>
      <c r="C12" s="745"/>
      <c r="D12" s="745"/>
      <c r="E12" s="745"/>
    </row>
    <row r="13" spans="1:13" ht="11.25" customHeight="1" x14ac:dyDescent="0.2">
      <c r="A13" s="22" t="s">
        <v>314</v>
      </c>
      <c r="B13" s="697">
        <v>14074456493.16</v>
      </c>
      <c r="C13" s="745"/>
      <c r="D13" s="745"/>
      <c r="E13" s="745"/>
    </row>
    <row r="14" spans="1:13" ht="11.25" customHeight="1" x14ac:dyDescent="0.2">
      <c r="A14" s="22" t="s">
        <v>61</v>
      </c>
      <c r="B14" s="697">
        <v>5687189291.3400002</v>
      </c>
      <c r="C14" s="745"/>
      <c r="D14" s="745"/>
      <c r="E14" s="745"/>
    </row>
    <row r="15" spans="1:13" ht="11.25" customHeight="1" x14ac:dyDescent="0.2">
      <c r="A15" s="22" t="s">
        <v>62</v>
      </c>
      <c r="B15" s="697">
        <v>179670963.86999989</v>
      </c>
      <c r="C15" s="745"/>
      <c r="D15" s="745"/>
      <c r="E15" s="745"/>
    </row>
    <row r="16" spans="1:13" ht="11.25" customHeight="1" x14ac:dyDescent="0.2">
      <c r="A16" s="22" t="s">
        <v>63</v>
      </c>
      <c r="B16" s="697">
        <v>0</v>
      </c>
      <c r="C16" s="745"/>
      <c r="D16" s="745"/>
      <c r="E16" s="745"/>
    </row>
    <row r="17" spans="1:5" s="66" customFormat="1" ht="11.25" customHeight="1" x14ac:dyDescent="0.2">
      <c r="A17" s="160" t="s">
        <v>159</v>
      </c>
      <c r="B17" s="697"/>
      <c r="C17" s="745"/>
      <c r="D17" s="745"/>
      <c r="E17" s="745"/>
    </row>
    <row r="18" spans="1:5" ht="11.25" customHeight="1" x14ac:dyDescent="0.2">
      <c r="A18" s="20" t="s">
        <v>64</v>
      </c>
      <c r="B18" s="697">
        <v>13926525000</v>
      </c>
      <c r="C18" s="745"/>
      <c r="D18" s="745"/>
      <c r="E18" s="745"/>
    </row>
    <row r="19" spans="1:5" ht="11.25" customHeight="1" x14ac:dyDescent="0.2">
      <c r="A19" s="20" t="s">
        <v>69</v>
      </c>
      <c r="B19" s="697">
        <v>687637380</v>
      </c>
      <c r="C19" s="745"/>
      <c r="D19" s="745"/>
      <c r="E19" s="745"/>
    </row>
    <row r="20" spans="1:5" ht="11.25" customHeight="1" x14ac:dyDescent="0.2">
      <c r="A20" s="20" t="s">
        <v>65</v>
      </c>
      <c r="B20" s="697">
        <v>14614162380</v>
      </c>
      <c r="C20" s="745"/>
      <c r="D20" s="745"/>
      <c r="E20" s="745"/>
    </row>
    <row r="21" spans="1:5" ht="11.25" customHeight="1" x14ac:dyDescent="0.2">
      <c r="A21" s="20" t="s">
        <v>66</v>
      </c>
      <c r="B21" s="697">
        <v>10800059656.73</v>
      </c>
      <c r="C21" s="745"/>
      <c r="D21" s="745"/>
      <c r="E21" s="745"/>
    </row>
    <row r="22" spans="1:5" ht="11.25" customHeight="1" x14ac:dyDescent="0.2">
      <c r="A22" s="22" t="s">
        <v>67</v>
      </c>
      <c r="B22" s="697">
        <v>5866860255.21</v>
      </c>
      <c r="C22" s="745"/>
      <c r="D22" s="745"/>
      <c r="E22" s="745"/>
    </row>
    <row r="23" spans="1:5" ht="11.25" customHeight="1" x14ac:dyDescent="0.2">
      <c r="A23" s="20" t="s">
        <v>549</v>
      </c>
      <c r="B23" s="697">
        <v>5367930252.0500011</v>
      </c>
      <c r="C23" s="745"/>
      <c r="D23" s="745"/>
      <c r="E23" s="745"/>
    </row>
    <row r="24" spans="1:5" ht="11.25" customHeight="1" x14ac:dyDescent="0.2">
      <c r="A24" s="68" t="s">
        <v>68</v>
      </c>
      <c r="B24" s="707">
        <v>0</v>
      </c>
      <c r="C24" s="746"/>
      <c r="D24" s="746"/>
      <c r="E24" s="746"/>
    </row>
    <row r="25" spans="1:5" s="217" customFormat="1" ht="6" customHeight="1" x14ac:dyDescent="0.2">
      <c r="A25" s="68"/>
      <c r="B25" s="650"/>
      <c r="C25" s="650"/>
      <c r="D25" s="650"/>
      <c r="E25" s="650"/>
    </row>
    <row r="26" spans="1:5" ht="21" customHeight="1" x14ac:dyDescent="0.2">
      <c r="A26" s="38" t="s">
        <v>253</v>
      </c>
      <c r="B26" s="722" t="s">
        <v>114</v>
      </c>
      <c r="C26" s="723"/>
      <c r="D26" s="723"/>
      <c r="E26" s="723"/>
    </row>
    <row r="27" spans="1:5" ht="11.25" customHeight="1" x14ac:dyDescent="0.2">
      <c r="A27" s="20" t="s">
        <v>251</v>
      </c>
      <c r="B27" s="705">
        <v>10800059656.73</v>
      </c>
      <c r="C27" s="760"/>
      <c r="D27" s="760"/>
      <c r="E27" s="760"/>
    </row>
    <row r="28" spans="1:5" ht="11.25" customHeight="1" x14ac:dyDescent="0.2">
      <c r="A28" s="69" t="s">
        <v>252</v>
      </c>
      <c r="B28" s="707">
        <v>5866860255.2099934</v>
      </c>
      <c r="C28" s="746"/>
      <c r="D28" s="746"/>
      <c r="E28" s="746"/>
    </row>
    <row r="29" spans="1:5" s="264" customFormat="1" ht="6" customHeight="1" x14ac:dyDescent="0.2">
      <c r="A29" s="68"/>
      <c r="B29" s="650"/>
      <c r="C29" s="650"/>
      <c r="D29" s="650"/>
      <c r="E29" s="650"/>
    </row>
    <row r="30" spans="1:5" ht="23.25" customHeight="1" x14ac:dyDescent="0.2">
      <c r="A30" s="37" t="s">
        <v>254</v>
      </c>
      <c r="B30" s="723" t="s">
        <v>114</v>
      </c>
      <c r="C30" s="723"/>
      <c r="D30" s="723"/>
      <c r="E30" s="723"/>
    </row>
    <row r="31" spans="1:5" ht="15" customHeight="1" x14ac:dyDescent="0.2">
      <c r="A31" s="25" t="s">
        <v>255</v>
      </c>
      <c r="B31" s="1046">
        <v>8900020904.5259972</v>
      </c>
      <c r="C31" s="1047"/>
      <c r="D31" s="1047"/>
      <c r="E31" s="1047"/>
    </row>
    <row r="32" spans="1:5" ht="6" customHeight="1" x14ac:dyDescent="0.2">
      <c r="A32" s="20"/>
      <c r="B32" s="70"/>
      <c r="C32" s="71"/>
      <c r="D32" s="28"/>
    </row>
    <row r="33" spans="1:5" ht="21.75" customHeight="1" x14ac:dyDescent="0.2">
      <c r="A33" s="38" t="s">
        <v>70</v>
      </c>
      <c r="B33" s="722" t="s">
        <v>114</v>
      </c>
      <c r="C33" s="723"/>
      <c r="D33" s="723"/>
      <c r="E33" s="723"/>
    </row>
    <row r="34" spans="1:5" s="226" customFormat="1" ht="11.25" customHeight="1" x14ac:dyDescent="0.2">
      <c r="A34" s="155" t="s">
        <v>256</v>
      </c>
      <c r="B34" s="1048"/>
      <c r="C34" s="1049"/>
      <c r="D34" s="1049"/>
      <c r="E34" s="1049"/>
    </row>
    <row r="35" spans="1:5" ht="11.25" customHeight="1" x14ac:dyDescent="0.2">
      <c r="A35" s="20" t="s">
        <v>71</v>
      </c>
      <c r="B35" s="1050"/>
      <c r="C35" s="1051"/>
      <c r="D35" s="1051"/>
      <c r="E35" s="1051"/>
    </row>
    <row r="36" spans="1:5" ht="11.25" customHeight="1" x14ac:dyDescent="0.2">
      <c r="A36" s="20" t="s">
        <v>72</v>
      </c>
      <c r="B36" s="1050"/>
      <c r="C36" s="1051"/>
      <c r="D36" s="1051"/>
      <c r="E36" s="1051"/>
    </row>
    <row r="37" spans="1:5" ht="11.25" customHeight="1" x14ac:dyDescent="0.2">
      <c r="A37" s="20" t="s">
        <v>102</v>
      </c>
      <c r="B37" s="1050"/>
      <c r="C37" s="1051"/>
      <c r="D37" s="1051"/>
      <c r="E37" s="1051"/>
    </row>
    <row r="38" spans="1:5" ht="11.25" customHeight="1" x14ac:dyDescent="0.2">
      <c r="A38" s="155" t="s">
        <v>315</v>
      </c>
      <c r="B38" s="1050"/>
      <c r="C38" s="1051"/>
      <c r="D38" s="1051"/>
      <c r="E38" s="1051"/>
    </row>
    <row r="39" spans="1:5" s="66" customFormat="1" ht="11.25" customHeight="1" x14ac:dyDescent="0.2">
      <c r="A39" s="217" t="s">
        <v>73</v>
      </c>
      <c r="B39" s="1050">
        <v>524316587.5</v>
      </c>
      <c r="C39" s="1051"/>
      <c r="D39" s="1051"/>
      <c r="E39" s="1051"/>
    </row>
    <row r="40" spans="1:5" ht="11.25" customHeight="1" x14ac:dyDescent="0.2">
      <c r="A40" s="20" t="s">
        <v>74</v>
      </c>
      <c r="B40" s="1050">
        <v>1230997399.74</v>
      </c>
      <c r="C40" s="1051"/>
      <c r="D40" s="1051"/>
      <c r="E40" s="1051"/>
    </row>
    <row r="41" spans="1:5" ht="11.25" customHeight="1" x14ac:dyDescent="0.2">
      <c r="A41" s="68" t="s">
        <v>103</v>
      </c>
      <c r="B41" s="1038">
        <v>-706680812.24000001</v>
      </c>
      <c r="C41" s="1042"/>
      <c r="D41" s="1042"/>
      <c r="E41" s="1042"/>
    </row>
    <row r="42" spans="1:5" ht="6" customHeight="1" x14ac:dyDescent="0.2">
      <c r="E42" s="20"/>
    </row>
    <row r="43" spans="1:5" ht="11.25" customHeight="1" x14ac:dyDescent="0.2">
      <c r="A43" s="35"/>
      <c r="B43" s="32" t="s">
        <v>259</v>
      </c>
      <c r="C43" s="32" t="s">
        <v>882</v>
      </c>
      <c r="D43" s="772" t="s">
        <v>260</v>
      </c>
      <c r="E43" s="773"/>
    </row>
    <row r="44" spans="1:5" ht="11.25" customHeight="1" x14ac:dyDescent="0.2">
      <c r="A44" s="41" t="s">
        <v>261</v>
      </c>
      <c r="B44" s="33" t="s">
        <v>262</v>
      </c>
      <c r="C44" s="33" t="s">
        <v>883</v>
      </c>
      <c r="D44" s="797"/>
      <c r="E44" s="802"/>
    </row>
    <row r="45" spans="1:5" ht="11.25" customHeight="1" x14ac:dyDescent="0.2">
      <c r="A45" s="72"/>
      <c r="B45" s="33" t="s">
        <v>263</v>
      </c>
      <c r="C45" s="652" t="s">
        <v>114</v>
      </c>
      <c r="D45" s="797" t="s">
        <v>117</v>
      </c>
      <c r="E45" s="802"/>
    </row>
    <row r="46" spans="1:5" ht="11.25" customHeight="1" x14ac:dyDescent="0.2">
      <c r="A46" s="49"/>
      <c r="B46" s="73" t="s">
        <v>115</v>
      </c>
      <c r="C46" s="651" t="s">
        <v>116</v>
      </c>
      <c r="D46" s="798"/>
      <c r="E46" s="799"/>
    </row>
    <row r="47" spans="1:5" ht="11.25" customHeight="1" x14ac:dyDescent="0.2">
      <c r="A47" s="22" t="s">
        <v>264</v>
      </c>
      <c r="B47" s="363">
        <v>-297236000</v>
      </c>
      <c r="C47" s="363">
        <v>-331529605.64999962</v>
      </c>
      <c r="D47" s="1040">
        <v>111.53750072333082</v>
      </c>
      <c r="E47" s="1041"/>
    </row>
    <row r="48" spans="1:5" ht="11.25" customHeight="1" x14ac:dyDescent="0.2">
      <c r="A48" s="69" t="s">
        <v>265</v>
      </c>
      <c r="B48" s="364">
        <v>849118000</v>
      </c>
      <c r="C48" s="460">
        <v>42786181.31000042</v>
      </c>
      <c r="D48" s="1038">
        <v>5.0388969860491022</v>
      </c>
      <c r="E48" s="1042"/>
    </row>
    <row r="49" spans="1:6" ht="6" customHeight="1" x14ac:dyDescent="0.2"/>
    <row r="50" spans="1:6" ht="11.25" customHeight="1" x14ac:dyDescent="0.2">
      <c r="A50" s="774" t="s">
        <v>75</v>
      </c>
      <c r="B50" s="775" t="s">
        <v>266</v>
      </c>
      <c r="C50" s="32" t="s">
        <v>267</v>
      </c>
      <c r="D50" s="34" t="s">
        <v>550</v>
      </c>
      <c r="E50" s="34" t="s">
        <v>268</v>
      </c>
    </row>
    <row r="51" spans="1:6" ht="11.25" customHeight="1" x14ac:dyDescent="0.2">
      <c r="A51" s="778"/>
      <c r="B51" s="776"/>
      <c r="C51" s="73" t="s">
        <v>114</v>
      </c>
      <c r="D51" s="39" t="s">
        <v>114</v>
      </c>
      <c r="E51" s="39" t="s">
        <v>5</v>
      </c>
    </row>
    <row r="52" spans="1:6" s="66" customFormat="1" ht="11.25" customHeight="1" x14ac:dyDescent="0.2">
      <c r="A52" s="142" t="s">
        <v>269</v>
      </c>
      <c r="B52" s="453">
        <v>265590396.53</v>
      </c>
      <c r="C52" s="318">
        <v>432265.64</v>
      </c>
      <c r="D52" s="454">
        <v>172763199.67000002</v>
      </c>
      <c r="E52" s="454">
        <v>92394931.219999999</v>
      </c>
      <c r="F52" s="205"/>
    </row>
    <row r="53" spans="1:6" ht="11.25" customHeight="1" x14ac:dyDescent="0.2">
      <c r="A53" s="22" t="s">
        <v>270</v>
      </c>
      <c r="B53" s="228">
        <v>217128968.44</v>
      </c>
      <c r="C53" s="455">
        <v>432265.64</v>
      </c>
      <c r="D53" s="455">
        <v>126025657.74000001</v>
      </c>
      <c r="E53" s="455">
        <v>90671045.060000002</v>
      </c>
    </row>
    <row r="54" spans="1:6" ht="11.25" customHeight="1" x14ac:dyDescent="0.2">
      <c r="A54" s="22" t="s">
        <v>271</v>
      </c>
      <c r="B54" s="228">
        <v>15110230.220000001</v>
      </c>
      <c r="C54" s="455">
        <v>0</v>
      </c>
      <c r="D54" s="455">
        <v>13755516.220000001</v>
      </c>
      <c r="E54" s="455">
        <v>1354714</v>
      </c>
    </row>
    <row r="55" spans="1:6" ht="11.25" customHeight="1" x14ac:dyDescent="0.2">
      <c r="A55" s="22" t="s">
        <v>272</v>
      </c>
      <c r="B55" s="228">
        <v>33313242.68</v>
      </c>
      <c r="C55" s="455">
        <v>0</v>
      </c>
      <c r="D55" s="455">
        <v>32950208.650000002</v>
      </c>
      <c r="E55" s="455">
        <v>363034.02999999747</v>
      </c>
    </row>
    <row r="56" spans="1:6" ht="11.25" customHeight="1" x14ac:dyDescent="0.2">
      <c r="A56" s="22" t="s">
        <v>273</v>
      </c>
      <c r="B56" s="228">
        <v>37955.19</v>
      </c>
      <c r="C56" s="455">
        <v>0</v>
      </c>
      <c r="D56" s="455">
        <v>31817.06</v>
      </c>
      <c r="E56" s="455">
        <v>6138.130000000001</v>
      </c>
    </row>
    <row r="57" spans="1:6" s="66" customFormat="1" ht="11.25" customHeight="1" x14ac:dyDescent="0.2">
      <c r="A57" s="142" t="s">
        <v>274</v>
      </c>
      <c r="B57" s="453">
        <v>513260947.21000004</v>
      </c>
      <c r="C57" s="453">
        <v>4164528.8099999996</v>
      </c>
      <c r="D57" s="453">
        <v>207978216.02000001</v>
      </c>
      <c r="E57" s="318">
        <v>301118202.38000005</v>
      </c>
    </row>
    <row r="58" spans="1:6" ht="11.25" customHeight="1" x14ac:dyDescent="0.2">
      <c r="A58" s="22" t="s">
        <v>270</v>
      </c>
      <c r="B58" s="228">
        <v>491216157.98000002</v>
      </c>
      <c r="C58" s="455">
        <v>3469137.75</v>
      </c>
      <c r="D58" s="455">
        <v>191746574.91</v>
      </c>
      <c r="E58" s="455">
        <v>296000445.32000005</v>
      </c>
    </row>
    <row r="59" spans="1:6" ht="11.25" customHeight="1" x14ac:dyDescent="0.2">
      <c r="A59" s="22" t="s">
        <v>271</v>
      </c>
      <c r="B59" s="228">
        <v>2405217.27</v>
      </c>
      <c r="C59" s="455">
        <v>0</v>
      </c>
      <c r="D59" s="455">
        <v>2405217.27</v>
      </c>
      <c r="E59" s="455">
        <v>0</v>
      </c>
    </row>
    <row r="60" spans="1:6" ht="11.25" customHeight="1" x14ac:dyDescent="0.2">
      <c r="A60" s="22" t="s">
        <v>272</v>
      </c>
      <c r="B60" s="228">
        <v>5240147.9800000004</v>
      </c>
      <c r="C60" s="455">
        <v>321801.21999999997</v>
      </c>
      <c r="D60" s="455">
        <v>2812172.93</v>
      </c>
      <c r="E60" s="455">
        <v>2106173.8300000005</v>
      </c>
    </row>
    <row r="61" spans="1:6" ht="11.25" customHeight="1" x14ac:dyDescent="0.2">
      <c r="A61" s="22" t="s">
        <v>273</v>
      </c>
      <c r="B61" s="228">
        <v>14399423.979999999</v>
      </c>
      <c r="C61" s="455">
        <v>373589.84</v>
      </c>
      <c r="D61" s="456">
        <v>11014250.91</v>
      </c>
      <c r="E61" s="456">
        <v>3011583.2299999986</v>
      </c>
    </row>
    <row r="62" spans="1:6" ht="11.25" customHeight="1" x14ac:dyDescent="0.2">
      <c r="A62" s="251" t="s">
        <v>169</v>
      </c>
      <c r="B62" s="457">
        <v>778851343.74000001</v>
      </c>
      <c r="C62" s="457">
        <v>4596794.4499999993</v>
      </c>
      <c r="D62" s="457">
        <v>380741415.69000006</v>
      </c>
      <c r="E62" s="229">
        <v>393513133.60000002</v>
      </c>
    </row>
    <row r="63" spans="1:6" s="217" customFormat="1" ht="6" customHeight="1" x14ac:dyDescent="0.2">
      <c r="A63" s="658"/>
      <c r="B63" s="656"/>
      <c r="C63" s="657"/>
      <c r="D63" s="657"/>
      <c r="E63" s="657"/>
    </row>
    <row r="64" spans="1:6" ht="11.25" customHeight="1" x14ac:dyDescent="0.2">
      <c r="A64" s="35"/>
      <c r="B64" s="775" t="s">
        <v>275</v>
      </c>
      <c r="C64" s="722" t="s">
        <v>276</v>
      </c>
      <c r="D64" s="723"/>
      <c r="E64" s="723"/>
    </row>
    <row r="65" spans="1:5" ht="11.25" customHeight="1" x14ac:dyDescent="0.2">
      <c r="A65" s="41" t="s">
        <v>76</v>
      </c>
      <c r="B65" s="800"/>
      <c r="C65" s="34" t="s">
        <v>277</v>
      </c>
      <c r="D65" s="772" t="s">
        <v>292</v>
      </c>
      <c r="E65" s="773"/>
    </row>
    <row r="66" spans="1:5" ht="11.25" customHeight="1" x14ac:dyDescent="0.2">
      <c r="A66" s="40"/>
      <c r="B66" s="40" t="s">
        <v>114</v>
      </c>
      <c r="C66" s="73" t="s">
        <v>293</v>
      </c>
      <c r="D66" s="798"/>
      <c r="E66" s="799"/>
    </row>
    <row r="67" spans="1:5" ht="10.5" x14ac:dyDescent="0.2">
      <c r="A67" s="288" t="s">
        <v>793</v>
      </c>
      <c r="B67" s="228">
        <v>1838758225.2460001</v>
      </c>
      <c r="C67" s="494">
        <v>25</v>
      </c>
      <c r="D67" s="1052">
        <v>46.458480745872855</v>
      </c>
      <c r="E67" s="1053"/>
    </row>
    <row r="68" spans="1:5" ht="10.5" x14ac:dyDescent="0.2">
      <c r="A68" s="288" t="s">
        <v>77</v>
      </c>
      <c r="B68" s="228">
        <v>471195788.63999999</v>
      </c>
      <c r="C68" s="494">
        <v>60</v>
      </c>
      <c r="D68" s="1050">
        <v>102.13794391429963</v>
      </c>
      <c r="E68" s="1051"/>
    </row>
    <row r="69" spans="1:5" ht="15" customHeight="1" x14ac:dyDescent="0.2">
      <c r="A69" s="288" t="s">
        <v>78</v>
      </c>
      <c r="B69" s="228">
        <v>0</v>
      </c>
      <c r="C69" s="494">
        <v>60</v>
      </c>
      <c r="D69" s="1050">
        <v>0</v>
      </c>
      <c r="E69" s="1051"/>
    </row>
    <row r="70" spans="1:5" ht="10.5" x14ac:dyDescent="0.2">
      <c r="A70" s="289" t="s">
        <v>79</v>
      </c>
      <c r="B70" s="364">
        <v>0</v>
      </c>
      <c r="C70" s="613">
        <v>0</v>
      </c>
      <c r="D70" s="1038">
        <v>0</v>
      </c>
      <c r="E70" s="1042"/>
    </row>
    <row r="71" spans="1:5" s="217" customFormat="1" ht="6" customHeight="1" x14ac:dyDescent="0.2">
      <c r="A71" s="383"/>
      <c r="B71" s="659"/>
      <c r="C71" s="653"/>
      <c r="D71" s="653"/>
      <c r="E71" s="653"/>
    </row>
    <row r="72" spans="1:5" ht="21.75" customHeight="1" x14ac:dyDescent="0.2">
      <c r="A72" s="35" t="s">
        <v>294</v>
      </c>
      <c r="B72" s="722" t="s">
        <v>295</v>
      </c>
      <c r="C72" s="724"/>
      <c r="D72" s="722" t="s">
        <v>347</v>
      </c>
      <c r="E72" s="723"/>
    </row>
    <row r="73" spans="1:5" ht="11.25" customHeight="1" x14ac:dyDescent="0.2">
      <c r="A73" s="21" t="s">
        <v>297</v>
      </c>
      <c r="B73" s="1040"/>
      <c r="C73" s="1043"/>
      <c r="D73" s="1040"/>
      <c r="E73" s="1041"/>
    </row>
    <row r="74" spans="1:5" ht="11.25" customHeight="1" x14ac:dyDescent="0.2">
      <c r="A74" s="69" t="s">
        <v>298</v>
      </c>
      <c r="B74" s="1038"/>
      <c r="C74" s="1039"/>
      <c r="D74" s="1038"/>
      <c r="E74" s="1042"/>
    </row>
    <row r="75" spans="1:5" s="217" customFormat="1" ht="6" customHeight="1" x14ac:dyDescent="0.2">
      <c r="A75" s="68"/>
      <c r="B75" s="653"/>
      <c r="C75" s="653"/>
      <c r="D75" s="653"/>
      <c r="E75" s="653"/>
    </row>
    <row r="76" spans="1:5" ht="21.75" customHeight="1" x14ac:dyDescent="0.2">
      <c r="A76" s="38" t="s">
        <v>299</v>
      </c>
      <c r="B76" s="2" t="s">
        <v>300</v>
      </c>
      <c r="C76" s="3" t="s">
        <v>301</v>
      </c>
      <c r="D76" s="2" t="s">
        <v>302</v>
      </c>
      <c r="E76" s="36" t="s">
        <v>303</v>
      </c>
    </row>
    <row r="77" spans="1:5" s="66" customFormat="1" ht="11.25" customHeight="1" x14ac:dyDescent="0.2">
      <c r="A77" s="142" t="s">
        <v>256</v>
      </c>
      <c r="B77" s="614"/>
      <c r="C77" s="614"/>
      <c r="D77" s="614"/>
      <c r="E77" s="454"/>
    </row>
    <row r="78" spans="1:5" ht="11.25" customHeight="1" x14ac:dyDescent="0.2">
      <c r="A78" s="22" t="s">
        <v>257</v>
      </c>
      <c r="B78" s="495"/>
      <c r="C78" s="495"/>
      <c r="D78" s="495"/>
      <c r="E78" s="455"/>
    </row>
    <row r="79" spans="1:5" ht="11.25" customHeight="1" x14ac:dyDescent="0.2">
      <c r="A79" s="22" t="s">
        <v>258</v>
      </c>
      <c r="B79" s="495"/>
      <c r="C79" s="495"/>
      <c r="D79" s="495"/>
      <c r="E79" s="455"/>
    </row>
    <row r="80" spans="1:5" ht="11.25" customHeight="1" x14ac:dyDescent="0.2">
      <c r="A80" s="22" t="s">
        <v>102</v>
      </c>
      <c r="B80" s="495"/>
      <c r="C80" s="495"/>
      <c r="D80" s="495"/>
      <c r="E80" s="455"/>
    </row>
    <row r="81" spans="1:5" s="66" customFormat="1" ht="11.25" customHeight="1" x14ac:dyDescent="0.2">
      <c r="A81" s="142" t="s">
        <v>315</v>
      </c>
      <c r="B81" s="501"/>
      <c r="C81" s="501"/>
      <c r="D81" s="501"/>
      <c r="E81" s="318"/>
    </row>
    <row r="82" spans="1:5" ht="11.25" customHeight="1" x14ac:dyDescent="0.2">
      <c r="A82" s="22" t="s">
        <v>6</v>
      </c>
      <c r="B82" s="495"/>
      <c r="C82" s="495"/>
      <c r="D82" s="495"/>
      <c r="E82" s="455"/>
    </row>
    <row r="83" spans="1:5" ht="11.25" customHeight="1" x14ac:dyDescent="0.2">
      <c r="A83" s="22" t="s">
        <v>7</v>
      </c>
      <c r="B83" s="495"/>
      <c r="C83" s="495"/>
      <c r="D83" s="495"/>
      <c r="E83" s="455"/>
    </row>
    <row r="84" spans="1:5" s="217" customFormat="1" ht="11.25" customHeight="1" x14ac:dyDescent="0.2">
      <c r="A84" s="69" t="s">
        <v>103</v>
      </c>
      <c r="B84" s="460"/>
      <c r="C84" s="460"/>
      <c r="D84" s="460"/>
      <c r="E84" s="456"/>
    </row>
    <row r="85" spans="1:5" s="217" customFormat="1" ht="6" customHeight="1" x14ac:dyDescent="0.2">
      <c r="B85" s="661"/>
      <c r="C85" s="661"/>
      <c r="D85" s="661"/>
      <c r="E85" s="661"/>
    </row>
    <row r="86" spans="1:5" ht="21" customHeight="1" x14ac:dyDescent="0.2">
      <c r="A86" s="38" t="s">
        <v>304</v>
      </c>
      <c r="B86" s="722" t="s">
        <v>295</v>
      </c>
      <c r="C86" s="724"/>
      <c r="D86" s="722" t="s">
        <v>296</v>
      </c>
      <c r="E86" s="723"/>
    </row>
    <row r="87" spans="1:5" ht="11.25" customHeight="1" x14ac:dyDescent="0.2">
      <c r="A87" s="22" t="s">
        <v>305</v>
      </c>
      <c r="B87" s="1040"/>
      <c r="C87" s="1043"/>
      <c r="D87" s="1040"/>
      <c r="E87" s="1041"/>
    </row>
    <row r="88" spans="1:5" ht="11.25" customHeight="1" x14ac:dyDescent="0.2">
      <c r="A88" s="69" t="s">
        <v>306</v>
      </c>
      <c r="B88" s="1038"/>
      <c r="C88" s="1039"/>
      <c r="D88" s="1038"/>
      <c r="E88" s="1042"/>
    </row>
    <row r="89" spans="1:5" s="217" customFormat="1" ht="6" customHeight="1" x14ac:dyDescent="0.2">
      <c r="A89" s="68"/>
      <c r="B89" s="68"/>
      <c r="C89" s="28"/>
    </row>
    <row r="90" spans="1:5" ht="15" customHeight="1" x14ac:dyDescent="0.2">
      <c r="A90" s="35"/>
      <c r="B90" s="784" t="s">
        <v>792</v>
      </c>
      <c r="C90" s="722" t="s">
        <v>307</v>
      </c>
      <c r="D90" s="723"/>
      <c r="E90" s="723"/>
    </row>
    <row r="91" spans="1:5" ht="13.5" customHeight="1" x14ac:dyDescent="0.2">
      <c r="A91" s="41" t="s">
        <v>242</v>
      </c>
      <c r="B91" s="1035"/>
      <c r="C91" s="34" t="s">
        <v>277</v>
      </c>
      <c r="D91" s="772" t="s">
        <v>292</v>
      </c>
      <c r="E91" s="773"/>
    </row>
    <row r="92" spans="1:5" ht="12.75" customHeight="1" x14ac:dyDescent="0.2">
      <c r="A92" s="40"/>
      <c r="B92" s="785"/>
      <c r="C92" s="73" t="s">
        <v>293</v>
      </c>
      <c r="D92" s="798"/>
      <c r="E92" s="799"/>
    </row>
    <row r="93" spans="1:5" ht="15" customHeight="1" x14ac:dyDescent="0.2">
      <c r="A93" s="655" t="s">
        <v>428</v>
      </c>
      <c r="B93" s="628">
        <v>639927352.89999986</v>
      </c>
      <c r="C93" s="629">
        <v>12</v>
      </c>
      <c r="D93" s="1044">
        <v>16.168549075822387</v>
      </c>
      <c r="E93" s="1045"/>
    </row>
    <row r="94" spans="1:5" ht="6" customHeight="1" x14ac:dyDescent="0.2">
      <c r="A94" s="25"/>
      <c r="B94" s="25"/>
      <c r="C94" s="75"/>
      <c r="D94" s="25"/>
      <c r="E94" s="25"/>
    </row>
    <row r="95" spans="1:5" ht="21.75" customHeight="1" x14ac:dyDescent="0.2">
      <c r="A95" s="4" t="s">
        <v>81</v>
      </c>
      <c r="B95" s="722" t="s">
        <v>80</v>
      </c>
      <c r="C95" s="723"/>
      <c r="D95" s="723"/>
      <c r="E95" s="723"/>
    </row>
    <row r="96" spans="1:5" s="264" customFormat="1" ht="15" customHeight="1" x14ac:dyDescent="0.2">
      <c r="A96" s="660" t="s">
        <v>209</v>
      </c>
      <c r="B96" s="1044"/>
      <c r="C96" s="1045"/>
      <c r="D96" s="1045"/>
      <c r="E96" s="1045"/>
    </row>
    <row r="97" spans="1:21" ht="10.5" x14ac:dyDescent="0.2">
      <c r="A97" s="182" t="s">
        <v>846</v>
      </c>
      <c r="B97" s="182"/>
      <c r="C97" s="182"/>
      <c r="D97" s="182"/>
      <c r="E97" s="293"/>
      <c r="F97" s="17"/>
      <c r="G97" s="17"/>
      <c r="H97" s="17"/>
      <c r="I97" s="17"/>
      <c r="J97" s="17"/>
      <c r="K97" s="17"/>
      <c r="L97" s="17"/>
      <c r="M97" s="17"/>
      <c r="N97" s="17"/>
      <c r="O97" s="17"/>
      <c r="P97" s="17"/>
      <c r="Q97" s="17"/>
      <c r="R97" s="17"/>
      <c r="S97" s="17"/>
      <c r="T97" s="17"/>
      <c r="U97" s="17"/>
    </row>
    <row r="98" spans="1:21" ht="11.25" customHeight="1" x14ac:dyDescent="0.2">
      <c r="A98" s="20"/>
    </row>
    <row r="100" spans="1:21" s="264" customFormat="1" ht="11.25" customHeight="1" x14ac:dyDescent="0.2">
      <c r="C100" s="67"/>
    </row>
    <row r="101" spans="1:21" s="264" customFormat="1" ht="11.25" customHeight="1" x14ac:dyDescent="0.2">
      <c r="C101" s="67"/>
    </row>
    <row r="107" spans="1:21" s="45" customFormat="1" ht="11.25" customHeight="1" x14ac:dyDescent="0.2"/>
    <row r="108" spans="1:21" s="45" customFormat="1" ht="11.25" customHeight="1" x14ac:dyDescent="0.2"/>
    <row r="109" spans="1:21" s="45" customFormat="1" ht="11.25" customHeight="1" x14ac:dyDescent="0.2"/>
    <row r="110" spans="1:21" s="45" customFormat="1" ht="11.25" customHeight="1" x14ac:dyDescent="0.2"/>
    <row r="111" spans="1:21" s="45" customFormat="1" ht="11.25" customHeight="1" x14ac:dyDescent="0.2"/>
    <row r="112" spans="1:21" s="45" customFormat="1" ht="11.25" customHeight="1" x14ac:dyDescent="0.2"/>
    <row r="113"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61" orientation="portrait" r:id="rId1"/>
      <headerFooter alignWithMargins="0"/>
    </customSheetView>
    <customSheetView guid="{82EDB5A4-4824-4632-A540-7A52C92F04C7}" showPageBreaks="1" showGridLines="0" fitToPage="1" printArea="1" topLeftCell="A37">
      <selection activeCell="M83" sqref="M83"/>
      <pageMargins left="0.19685039370078741" right="0.19685039370078741" top="0.59055118110236227" bottom="0.19685039370078741" header="0" footer="0"/>
      <printOptions horizontalCentered="1"/>
      <pageSetup paperSize="9" scale="62" orientation="portrait" r:id="rId2"/>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61" orientation="portrait" r:id="rId3"/>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4"/>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5"/>
      <headerFooter alignWithMargins="0"/>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61" orientation="portrait" r:id="rId6"/>
      <headerFooter alignWithMargins="0"/>
    </customSheetView>
    <customSheetView guid="{6DBFA32C-4AA4-4E1D-9A48-697377C64CC3}" showPageBreaks="1" showGridLines="0" fitToPage="1" printArea="1">
      <selection activeCell="H9" sqref="H9"/>
      <pageMargins left="0.19685039370078741" right="0.19685039370078741" top="0.59055118110236227" bottom="0.19685039370078741" header="0" footer="0"/>
      <printOptions horizontalCentered="1"/>
      <pageSetup paperSize="9" scale="62" orientation="portrait" r:id="rId7"/>
      <headerFooter alignWithMargins="0"/>
    </customSheetView>
    <customSheetView guid="{25EF1E0D-169B-4051-B414-7E1196FC05E4}" showPageBreaks="1" showGridLines="0" fitToPage="1" printArea="1">
      <selection activeCell="D93" sqref="D93:E93"/>
      <pageMargins left="0.19685039370078741" right="0.19685039370078741" top="0.59055118110236227" bottom="0.19685039370078741" header="0" footer="0"/>
      <printOptions horizontalCentered="1"/>
      <pageSetup paperSize="9" scale="61" orientation="portrait" r:id="rId8"/>
      <headerFooter alignWithMargins="0"/>
    </customSheetView>
  </customSheetViews>
  <mergeCells count="65">
    <mergeCell ref="B88:C88"/>
    <mergeCell ref="D87:E87"/>
    <mergeCell ref="D88:E88"/>
    <mergeCell ref="D93:E93"/>
    <mergeCell ref="B40:E40"/>
    <mergeCell ref="B41:E41"/>
    <mergeCell ref="D67:E67"/>
    <mergeCell ref="D68:E68"/>
    <mergeCell ref="D65:E66"/>
    <mergeCell ref="C64:E64"/>
    <mergeCell ref="D45:E46"/>
    <mergeCell ref="D47:E47"/>
    <mergeCell ref="D48:E48"/>
    <mergeCell ref="D69:E69"/>
    <mergeCell ref="D70:E70"/>
    <mergeCell ref="B73:C73"/>
    <mergeCell ref="B35:E35"/>
    <mergeCell ref="B36:E36"/>
    <mergeCell ref="B37:E37"/>
    <mergeCell ref="B38:E38"/>
    <mergeCell ref="B39:E39"/>
    <mergeCell ref="B28:E28"/>
    <mergeCell ref="B31:E31"/>
    <mergeCell ref="B34:E34"/>
    <mergeCell ref="B26:E26"/>
    <mergeCell ref="B30:E30"/>
    <mergeCell ref="B33:E33"/>
    <mergeCell ref="B96:E96"/>
    <mergeCell ref="B90:B92"/>
    <mergeCell ref="D91:E92"/>
    <mergeCell ref="B95:E95"/>
    <mergeCell ref="C90:E90"/>
    <mergeCell ref="B74:C74"/>
    <mergeCell ref="D73:E73"/>
    <mergeCell ref="D74:E74"/>
    <mergeCell ref="B87:C87"/>
    <mergeCell ref="A50:A51"/>
    <mergeCell ref="B50:B51"/>
    <mergeCell ref="B72:C72"/>
    <mergeCell ref="D72:E72"/>
    <mergeCell ref="B86:C86"/>
    <mergeCell ref="D86:E86"/>
    <mergeCell ref="B64:B65"/>
    <mergeCell ref="A3:E3"/>
    <mergeCell ref="A4:E4"/>
    <mergeCell ref="A5:E5"/>
    <mergeCell ref="A6:E6"/>
    <mergeCell ref="B10:E10"/>
    <mergeCell ref="A7:E7"/>
    <mergeCell ref="D43:E44"/>
    <mergeCell ref="B11:E11"/>
    <mergeCell ref="B12:E12"/>
    <mergeCell ref="B13:E13"/>
    <mergeCell ref="B14:E14"/>
    <mergeCell ref="B15:E15"/>
    <mergeCell ref="B16:E16"/>
    <mergeCell ref="B17:E17"/>
    <mergeCell ref="B18:E18"/>
    <mergeCell ref="B19:E19"/>
    <mergeCell ref="B20:E20"/>
    <mergeCell ref="B21:E21"/>
    <mergeCell ref="B22:E22"/>
    <mergeCell ref="B23:E23"/>
    <mergeCell ref="B24:E24"/>
    <mergeCell ref="B27:E27"/>
  </mergeCells>
  <phoneticPr fontId="0" type="noConversion"/>
  <printOptions horizontalCentered="1"/>
  <pageMargins left="0.19685039370078741" right="0.19685039370078741" top="0.59055118110236227" bottom="0.19685039370078741" header="0" footer="0"/>
  <pageSetup paperSize="9" scale="60" orientation="portrait" r:id="rId9"/>
  <headerFooter alignWithMargins="0"/>
  <drawing r:id="rId1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N94"/>
  <sheetViews>
    <sheetView showGridLines="0" zoomScaleNormal="100" workbookViewId="0"/>
  </sheetViews>
  <sheetFormatPr defaultRowHeight="11.25" customHeight="1" x14ac:dyDescent="0.2"/>
  <cols>
    <col min="1" max="1" width="57.42578125" style="45" customWidth="1"/>
    <col min="2" max="2" width="16.7109375" style="45" customWidth="1"/>
    <col min="3" max="3" width="19" style="45" bestFit="1" customWidth="1"/>
    <col min="4" max="4" width="16.7109375" style="45" customWidth="1"/>
    <col min="5" max="5" width="19" style="45" bestFit="1" customWidth="1"/>
    <col min="6" max="10" width="16.7109375" style="45" customWidth="1"/>
    <col min="11" max="11" width="8" style="45" bestFit="1" customWidth="1"/>
    <col min="12" max="12" width="17.28515625" style="45" bestFit="1"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290"/>
      <c r="B1" s="290"/>
      <c r="C1" s="290"/>
      <c r="D1" s="290"/>
      <c r="E1" s="290"/>
      <c r="F1" s="290"/>
      <c r="G1" s="290"/>
      <c r="H1" s="290"/>
      <c r="I1" s="290"/>
      <c r="J1" s="290"/>
      <c r="K1" s="290"/>
      <c r="L1" s="290"/>
    </row>
    <row r="2" spans="1:14" s="26" customFormat="1" ht="10.5" x14ac:dyDescent="0.2">
      <c r="A2" s="765"/>
      <c r="B2" s="765"/>
      <c r="C2" s="765"/>
      <c r="D2" s="765"/>
      <c r="E2" s="765"/>
      <c r="F2" s="765"/>
      <c r="G2" s="765"/>
      <c r="H2" s="765"/>
      <c r="I2" s="765"/>
      <c r="J2" s="765"/>
      <c r="K2" s="765"/>
      <c r="L2" s="765"/>
    </row>
    <row r="3" spans="1:14" ht="10.5" x14ac:dyDescent="0.2">
      <c r="A3" s="713" t="s">
        <v>637</v>
      </c>
      <c r="B3" s="713"/>
      <c r="C3" s="713"/>
      <c r="D3" s="713"/>
      <c r="E3" s="713"/>
      <c r="F3" s="713"/>
      <c r="G3" s="713"/>
      <c r="H3" s="713"/>
      <c r="I3" s="713"/>
      <c r="J3" s="713"/>
      <c r="K3" s="713"/>
      <c r="L3" s="713"/>
    </row>
    <row r="4" spans="1:14" ht="10.5" x14ac:dyDescent="0.2">
      <c r="A4" s="713" t="s">
        <v>104</v>
      </c>
      <c r="B4" s="713"/>
      <c r="C4" s="713"/>
      <c r="D4" s="713"/>
      <c r="E4" s="713"/>
      <c r="F4" s="713"/>
      <c r="G4" s="713"/>
      <c r="H4" s="713"/>
      <c r="I4" s="713"/>
      <c r="J4" s="713"/>
      <c r="K4" s="713"/>
      <c r="L4" s="713"/>
    </row>
    <row r="5" spans="1:14" ht="10.5" x14ac:dyDescent="0.2">
      <c r="A5" s="713" t="s">
        <v>105</v>
      </c>
      <c r="B5" s="713"/>
      <c r="C5" s="713"/>
      <c r="D5" s="713"/>
      <c r="E5" s="713"/>
      <c r="F5" s="713"/>
      <c r="G5" s="713"/>
      <c r="H5" s="713"/>
      <c r="I5" s="713"/>
      <c r="J5" s="713"/>
      <c r="K5" s="713"/>
      <c r="L5" s="713"/>
    </row>
    <row r="6" spans="1:14" ht="10.5" x14ac:dyDescent="0.2">
      <c r="A6" s="713" t="s">
        <v>106</v>
      </c>
      <c r="B6" s="713"/>
      <c r="C6" s="713"/>
      <c r="D6" s="713"/>
      <c r="E6" s="713"/>
      <c r="F6" s="713"/>
      <c r="G6" s="713"/>
      <c r="H6" s="713"/>
      <c r="I6" s="713"/>
      <c r="J6" s="713"/>
      <c r="K6" s="713"/>
      <c r="L6" s="713"/>
    </row>
    <row r="7" spans="1:14" ht="10.5" x14ac:dyDescent="0.2">
      <c r="A7" s="713" t="s">
        <v>888</v>
      </c>
      <c r="B7" s="713"/>
      <c r="C7" s="713"/>
      <c r="D7" s="713"/>
      <c r="E7" s="713"/>
      <c r="F7" s="713"/>
      <c r="G7" s="713"/>
      <c r="H7" s="713"/>
      <c r="I7" s="713"/>
      <c r="J7" s="713"/>
      <c r="K7" s="713"/>
      <c r="L7" s="713"/>
    </row>
    <row r="8" spans="1:14" s="26" customFormat="1" ht="10.5" x14ac:dyDescent="0.2">
      <c r="A8" s="46"/>
      <c r="B8" s="46"/>
      <c r="C8" s="46"/>
      <c r="D8" s="413"/>
      <c r="E8" s="413"/>
      <c r="F8" s="46"/>
      <c r="G8" s="46"/>
      <c r="H8" s="46"/>
      <c r="I8" s="46"/>
      <c r="J8" s="46"/>
      <c r="K8" s="46"/>
    </row>
    <row r="9" spans="1:14" s="26" customFormat="1" ht="9.75" customHeight="1" x14ac:dyDescent="0.2">
      <c r="A9" s="26" t="s">
        <v>847</v>
      </c>
      <c r="B9" s="112"/>
      <c r="D9" s="299"/>
      <c r="E9" s="299"/>
      <c r="H9" s="131"/>
      <c r="I9" s="46"/>
      <c r="J9" s="131"/>
      <c r="L9" s="615">
        <v>1</v>
      </c>
    </row>
    <row r="10" spans="1:14" ht="10.5" x14ac:dyDescent="0.2">
      <c r="A10" s="717" t="s">
        <v>535</v>
      </c>
      <c r="B10" s="718" t="s">
        <v>425</v>
      </c>
      <c r="C10" s="726"/>
      <c r="D10" s="766" t="s">
        <v>234</v>
      </c>
      <c r="E10" s="767"/>
      <c r="F10" s="722" t="s">
        <v>108</v>
      </c>
      <c r="G10" s="723"/>
      <c r="H10" s="723"/>
      <c r="I10" s="723"/>
      <c r="J10" s="723"/>
      <c r="K10" s="724"/>
      <c r="L10" s="716" t="s">
        <v>160</v>
      </c>
    </row>
    <row r="11" spans="1:14" ht="10.5" x14ac:dyDescent="0.15">
      <c r="A11" s="731"/>
      <c r="B11" s="727"/>
      <c r="C11" s="728"/>
      <c r="D11" s="768"/>
      <c r="E11" s="769"/>
      <c r="F11" s="770" t="s">
        <v>112</v>
      </c>
      <c r="G11" s="771"/>
      <c r="H11" s="417" t="s">
        <v>113</v>
      </c>
      <c r="I11" s="716" t="s">
        <v>114</v>
      </c>
      <c r="J11" s="717"/>
      <c r="K11" s="418" t="s">
        <v>113</v>
      </c>
      <c r="L11" s="725"/>
    </row>
    <row r="12" spans="1:14" ht="10.5" x14ac:dyDescent="0.2">
      <c r="A12" s="732"/>
      <c r="B12" s="729"/>
      <c r="C12" s="730"/>
      <c r="D12" s="714" t="s">
        <v>115</v>
      </c>
      <c r="E12" s="715"/>
      <c r="F12" s="714" t="s">
        <v>116</v>
      </c>
      <c r="G12" s="715"/>
      <c r="H12" s="390" t="s">
        <v>117</v>
      </c>
      <c r="I12" s="714" t="s">
        <v>151</v>
      </c>
      <c r="J12" s="715"/>
      <c r="K12" s="416" t="s">
        <v>152</v>
      </c>
      <c r="L12" s="630" t="s">
        <v>153</v>
      </c>
    </row>
    <row r="13" spans="1:14" ht="10.5" x14ac:dyDescent="0.2">
      <c r="A13" s="145" t="s">
        <v>848</v>
      </c>
      <c r="B13" s="711">
        <v>1078931200</v>
      </c>
      <c r="C13" s="712"/>
      <c r="D13" s="711">
        <v>1182584595.8099999</v>
      </c>
      <c r="E13" s="712"/>
      <c r="F13" s="711">
        <v>152167173.21000001</v>
      </c>
      <c r="G13" s="712"/>
      <c r="H13" s="461">
        <v>12.867339364062541</v>
      </c>
      <c r="I13" s="711">
        <v>491389753.00999999</v>
      </c>
      <c r="J13" s="712"/>
      <c r="K13" s="419">
        <v>41.552186181947285</v>
      </c>
      <c r="L13" s="420">
        <v>736183115.37</v>
      </c>
    </row>
    <row r="14" spans="1:14" ht="10.5" x14ac:dyDescent="0.2">
      <c r="A14" s="146" t="s">
        <v>8</v>
      </c>
      <c r="B14" s="709">
        <v>1078931200</v>
      </c>
      <c r="C14" s="710"/>
      <c r="D14" s="709">
        <v>1182584595.8099999</v>
      </c>
      <c r="E14" s="710"/>
      <c r="F14" s="709">
        <v>152167173.21000001</v>
      </c>
      <c r="G14" s="710"/>
      <c r="H14" s="463">
        <v>12.867339364062541</v>
      </c>
      <c r="I14" s="709">
        <v>491389753.00999999</v>
      </c>
      <c r="J14" s="710"/>
      <c r="K14" s="419">
        <v>41.552186181947285</v>
      </c>
      <c r="L14" s="420">
        <v>736183115.37</v>
      </c>
    </row>
    <row r="15" spans="1:14" ht="10.5" x14ac:dyDescent="0.2">
      <c r="A15" s="146" t="s">
        <v>9</v>
      </c>
      <c r="B15" s="697">
        <v>0</v>
      </c>
      <c r="C15" s="698"/>
      <c r="D15" s="697">
        <v>0</v>
      </c>
      <c r="E15" s="698"/>
      <c r="F15" s="697">
        <v>0</v>
      </c>
      <c r="G15" s="698"/>
      <c r="H15" s="421">
        <v>0</v>
      </c>
      <c r="I15" s="697">
        <v>0</v>
      </c>
      <c r="J15" s="698"/>
      <c r="K15" s="421">
        <v>0</v>
      </c>
      <c r="L15" s="422">
        <v>0</v>
      </c>
      <c r="M15" s="28"/>
      <c r="N15" s="56"/>
    </row>
    <row r="16" spans="1:14" ht="10.5" x14ac:dyDescent="0.2">
      <c r="A16" s="29" t="s">
        <v>10</v>
      </c>
      <c r="B16" s="697">
        <v>0</v>
      </c>
      <c r="C16" s="698"/>
      <c r="D16" s="697">
        <v>0</v>
      </c>
      <c r="E16" s="698"/>
      <c r="F16" s="697">
        <v>0</v>
      </c>
      <c r="G16" s="698"/>
      <c r="H16" s="421">
        <v>0</v>
      </c>
      <c r="I16" s="697">
        <v>0</v>
      </c>
      <c r="J16" s="698"/>
      <c r="K16" s="421">
        <v>0</v>
      </c>
      <c r="L16" s="422">
        <v>0</v>
      </c>
    </row>
    <row r="17" spans="1:14" ht="10.5" x14ac:dyDescent="0.2">
      <c r="A17" s="29" t="s">
        <v>11</v>
      </c>
      <c r="B17" s="697">
        <v>0</v>
      </c>
      <c r="C17" s="698"/>
      <c r="D17" s="697">
        <v>0</v>
      </c>
      <c r="E17" s="698"/>
      <c r="F17" s="697">
        <v>0</v>
      </c>
      <c r="G17" s="698"/>
      <c r="H17" s="421">
        <v>0</v>
      </c>
      <c r="I17" s="697">
        <v>0</v>
      </c>
      <c r="J17" s="698"/>
      <c r="K17" s="421">
        <v>0</v>
      </c>
      <c r="L17" s="422">
        <v>0</v>
      </c>
    </row>
    <row r="18" spans="1:14" ht="10.5" x14ac:dyDescent="0.2">
      <c r="A18" s="29" t="s">
        <v>12</v>
      </c>
      <c r="B18" s="697">
        <v>0</v>
      </c>
      <c r="C18" s="698"/>
      <c r="D18" s="697">
        <v>0</v>
      </c>
      <c r="E18" s="698"/>
      <c r="F18" s="697">
        <v>0</v>
      </c>
      <c r="G18" s="698"/>
      <c r="H18" s="421">
        <v>0</v>
      </c>
      <c r="I18" s="697">
        <v>0</v>
      </c>
      <c r="J18" s="698"/>
      <c r="K18" s="421">
        <v>0</v>
      </c>
      <c r="L18" s="422">
        <v>0</v>
      </c>
    </row>
    <row r="19" spans="1:14" ht="10.5" x14ac:dyDescent="0.2">
      <c r="A19" s="146" t="s">
        <v>13</v>
      </c>
      <c r="B19" s="697">
        <v>1038054000</v>
      </c>
      <c r="C19" s="698"/>
      <c r="D19" s="697">
        <v>1038054000</v>
      </c>
      <c r="E19" s="698"/>
      <c r="F19" s="697">
        <v>102995030.45</v>
      </c>
      <c r="G19" s="698"/>
      <c r="H19" s="421">
        <v>9.9219337770482063</v>
      </c>
      <c r="I19" s="697">
        <v>301888084.63</v>
      </c>
      <c r="J19" s="698"/>
      <c r="K19" s="421">
        <v>29.082117561321475</v>
      </c>
      <c r="L19" s="422">
        <v>736165915.37</v>
      </c>
      <c r="M19" s="56"/>
      <c r="N19" s="56"/>
    </row>
    <row r="20" spans="1:14" ht="10.5" x14ac:dyDescent="0.2">
      <c r="A20" s="29" t="s">
        <v>14</v>
      </c>
      <c r="B20" s="697">
        <v>1038054000</v>
      </c>
      <c r="C20" s="698"/>
      <c r="D20" s="697">
        <v>1038054000</v>
      </c>
      <c r="E20" s="698"/>
      <c r="F20" s="697">
        <v>102995030.45</v>
      </c>
      <c r="G20" s="698"/>
      <c r="H20" s="421">
        <v>9.9219337770482063</v>
      </c>
      <c r="I20" s="697">
        <v>301888084.63</v>
      </c>
      <c r="J20" s="698"/>
      <c r="K20" s="421">
        <v>29.082117561321475</v>
      </c>
      <c r="L20" s="422">
        <v>736165915.37</v>
      </c>
    </row>
    <row r="21" spans="1:14" ht="10.5" x14ac:dyDescent="0.2">
      <c r="A21" s="29" t="s">
        <v>355</v>
      </c>
      <c r="B21" s="697">
        <v>0</v>
      </c>
      <c r="C21" s="698"/>
      <c r="D21" s="697">
        <v>0</v>
      </c>
      <c r="E21" s="698"/>
      <c r="F21" s="697">
        <v>0</v>
      </c>
      <c r="G21" s="698"/>
      <c r="H21" s="421">
        <v>0</v>
      </c>
      <c r="I21" s="697">
        <v>0</v>
      </c>
      <c r="J21" s="698"/>
      <c r="K21" s="421">
        <v>0</v>
      </c>
      <c r="L21" s="422">
        <v>0</v>
      </c>
    </row>
    <row r="22" spans="1:14" ht="10.5" x14ac:dyDescent="0.2">
      <c r="A22" s="29" t="s">
        <v>356</v>
      </c>
      <c r="B22" s="697">
        <v>0</v>
      </c>
      <c r="C22" s="698"/>
      <c r="D22" s="697">
        <v>0</v>
      </c>
      <c r="E22" s="698"/>
      <c r="F22" s="697">
        <v>0</v>
      </c>
      <c r="G22" s="698"/>
      <c r="H22" s="421">
        <v>0</v>
      </c>
      <c r="I22" s="697">
        <v>0</v>
      </c>
      <c r="J22" s="698"/>
      <c r="K22" s="421">
        <v>0</v>
      </c>
      <c r="L22" s="422">
        <v>0</v>
      </c>
    </row>
    <row r="23" spans="1:14" ht="10.5" x14ac:dyDescent="0.2">
      <c r="A23" s="146" t="s">
        <v>15</v>
      </c>
      <c r="B23" s="697">
        <v>0</v>
      </c>
      <c r="C23" s="698"/>
      <c r="D23" s="697">
        <v>12378470.85</v>
      </c>
      <c r="E23" s="698"/>
      <c r="F23" s="697">
        <v>4183870.19</v>
      </c>
      <c r="G23" s="698"/>
      <c r="H23" s="421">
        <v>0</v>
      </c>
      <c r="I23" s="697">
        <v>12378470.85</v>
      </c>
      <c r="J23" s="698"/>
      <c r="K23" s="421">
        <v>0</v>
      </c>
      <c r="L23" s="422">
        <v>0</v>
      </c>
    </row>
    <row r="24" spans="1:14" ht="10.5" x14ac:dyDescent="0.2">
      <c r="A24" s="29" t="s">
        <v>16</v>
      </c>
      <c r="B24" s="697">
        <v>0</v>
      </c>
      <c r="C24" s="698"/>
      <c r="D24" s="697">
        <v>0</v>
      </c>
      <c r="E24" s="698"/>
      <c r="F24" s="697">
        <v>0</v>
      </c>
      <c r="G24" s="698"/>
      <c r="H24" s="421">
        <v>0</v>
      </c>
      <c r="I24" s="697">
        <v>0</v>
      </c>
      <c r="J24" s="698"/>
      <c r="K24" s="421">
        <v>0</v>
      </c>
      <c r="L24" s="422">
        <v>0</v>
      </c>
    </row>
    <row r="25" spans="1:14" ht="10.5" x14ac:dyDescent="0.2">
      <c r="A25" s="29" t="s">
        <v>17</v>
      </c>
      <c r="B25" s="697">
        <v>0</v>
      </c>
      <c r="C25" s="698"/>
      <c r="D25" s="697">
        <v>0</v>
      </c>
      <c r="E25" s="698"/>
      <c r="F25" s="697">
        <v>0</v>
      </c>
      <c r="G25" s="698"/>
      <c r="H25" s="421">
        <v>0</v>
      </c>
      <c r="I25" s="697">
        <v>0</v>
      </c>
      <c r="J25" s="698"/>
      <c r="K25" s="421">
        <v>0</v>
      </c>
      <c r="L25" s="422">
        <v>0</v>
      </c>
    </row>
    <row r="26" spans="1:14" ht="10.5" x14ac:dyDescent="0.2">
      <c r="A26" s="29" t="s">
        <v>18</v>
      </c>
      <c r="B26" s="697">
        <v>0</v>
      </c>
      <c r="C26" s="698"/>
      <c r="D26" s="697">
        <v>0</v>
      </c>
      <c r="E26" s="698"/>
      <c r="F26" s="697">
        <v>0</v>
      </c>
      <c r="G26" s="698"/>
      <c r="H26" s="421">
        <v>0</v>
      </c>
      <c r="I26" s="697">
        <v>0</v>
      </c>
      <c r="J26" s="698"/>
      <c r="K26" s="421">
        <v>0</v>
      </c>
      <c r="L26" s="422">
        <v>0</v>
      </c>
    </row>
    <row r="27" spans="1:14" ht="10.5" x14ac:dyDescent="0.2">
      <c r="A27" s="29" t="s">
        <v>118</v>
      </c>
      <c r="B27" s="697">
        <v>0</v>
      </c>
      <c r="C27" s="698"/>
      <c r="D27" s="697">
        <v>0</v>
      </c>
      <c r="E27" s="698"/>
      <c r="F27" s="697">
        <v>0</v>
      </c>
      <c r="G27" s="698"/>
      <c r="H27" s="421">
        <v>0</v>
      </c>
      <c r="I27" s="697">
        <v>0</v>
      </c>
      <c r="J27" s="698"/>
      <c r="K27" s="421">
        <v>0</v>
      </c>
      <c r="L27" s="422">
        <v>0</v>
      </c>
    </row>
    <row r="28" spans="1:14" ht="24" customHeight="1" x14ac:dyDescent="0.2">
      <c r="A28" s="50" t="s">
        <v>368</v>
      </c>
      <c r="B28" s="697">
        <v>0</v>
      </c>
      <c r="C28" s="698"/>
      <c r="D28" s="697">
        <v>0</v>
      </c>
      <c r="E28" s="698"/>
      <c r="F28" s="697">
        <v>0</v>
      </c>
      <c r="G28" s="698"/>
      <c r="H28" s="421">
        <v>0</v>
      </c>
      <c r="I28" s="697">
        <v>0</v>
      </c>
      <c r="J28" s="698"/>
      <c r="K28" s="421">
        <v>0</v>
      </c>
      <c r="L28" s="422">
        <v>0</v>
      </c>
    </row>
    <row r="29" spans="1:14" ht="10.5" x14ac:dyDescent="0.2">
      <c r="A29" s="50" t="s">
        <v>369</v>
      </c>
      <c r="B29" s="697">
        <v>0</v>
      </c>
      <c r="C29" s="698"/>
      <c r="D29" s="697">
        <v>12378470.85</v>
      </c>
      <c r="E29" s="698"/>
      <c r="F29" s="697">
        <v>4183870.19</v>
      </c>
      <c r="G29" s="698"/>
      <c r="H29" s="421">
        <v>0</v>
      </c>
      <c r="I29" s="697">
        <v>12378470.85</v>
      </c>
      <c r="J29" s="698"/>
      <c r="K29" s="421">
        <v>0</v>
      </c>
      <c r="L29" s="422">
        <v>0</v>
      </c>
    </row>
    <row r="30" spans="1:14" ht="10.5" x14ac:dyDescent="0.2">
      <c r="A30" s="29" t="s">
        <v>19</v>
      </c>
      <c r="B30" s="697">
        <v>0</v>
      </c>
      <c r="C30" s="698"/>
      <c r="D30" s="697">
        <v>0</v>
      </c>
      <c r="E30" s="698"/>
      <c r="F30" s="697">
        <v>0</v>
      </c>
      <c r="G30" s="698"/>
      <c r="H30" s="421">
        <v>0</v>
      </c>
      <c r="I30" s="697">
        <v>0</v>
      </c>
      <c r="J30" s="698"/>
      <c r="K30" s="421">
        <v>0</v>
      </c>
      <c r="L30" s="422">
        <v>0</v>
      </c>
    </row>
    <row r="31" spans="1:14" ht="10.5" x14ac:dyDescent="0.2">
      <c r="A31" s="146" t="s">
        <v>20</v>
      </c>
      <c r="B31" s="697">
        <v>0</v>
      </c>
      <c r="C31" s="698"/>
      <c r="D31" s="697">
        <v>0</v>
      </c>
      <c r="E31" s="698"/>
      <c r="F31" s="697">
        <v>0</v>
      </c>
      <c r="G31" s="698"/>
      <c r="H31" s="421">
        <v>0</v>
      </c>
      <c r="I31" s="697">
        <v>0</v>
      </c>
      <c r="J31" s="698"/>
      <c r="K31" s="421">
        <v>0</v>
      </c>
      <c r="L31" s="422">
        <v>0</v>
      </c>
    </row>
    <row r="32" spans="1:14" ht="10.5" x14ac:dyDescent="0.2">
      <c r="A32" s="29" t="s">
        <v>21</v>
      </c>
      <c r="B32" s="697">
        <v>0</v>
      </c>
      <c r="C32" s="698"/>
      <c r="D32" s="697">
        <v>0</v>
      </c>
      <c r="E32" s="698"/>
      <c r="F32" s="697">
        <v>0</v>
      </c>
      <c r="G32" s="698"/>
      <c r="H32" s="421">
        <v>0</v>
      </c>
      <c r="I32" s="697">
        <v>0</v>
      </c>
      <c r="J32" s="698"/>
      <c r="K32" s="421">
        <v>0</v>
      </c>
      <c r="L32" s="422">
        <v>0</v>
      </c>
    </row>
    <row r="33" spans="1:14" ht="10.5" x14ac:dyDescent="0.2">
      <c r="A33" s="29" t="s">
        <v>22</v>
      </c>
      <c r="B33" s="697">
        <v>0</v>
      </c>
      <c r="C33" s="698"/>
      <c r="D33" s="697">
        <v>0</v>
      </c>
      <c r="E33" s="698"/>
      <c r="F33" s="697">
        <v>0</v>
      </c>
      <c r="G33" s="698"/>
      <c r="H33" s="421">
        <v>0</v>
      </c>
      <c r="I33" s="697">
        <v>0</v>
      </c>
      <c r="J33" s="698"/>
      <c r="K33" s="421">
        <v>0</v>
      </c>
      <c r="L33" s="422">
        <v>0</v>
      </c>
    </row>
    <row r="34" spans="1:14" ht="10.5" x14ac:dyDescent="0.2">
      <c r="A34" s="29" t="s">
        <v>23</v>
      </c>
      <c r="B34" s="697">
        <v>0</v>
      </c>
      <c r="C34" s="698"/>
      <c r="D34" s="697">
        <v>0</v>
      </c>
      <c r="E34" s="698"/>
      <c r="F34" s="697">
        <v>0</v>
      </c>
      <c r="G34" s="698"/>
      <c r="H34" s="421">
        <v>0</v>
      </c>
      <c r="I34" s="697">
        <v>0</v>
      </c>
      <c r="J34" s="698"/>
      <c r="K34" s="421">
        <v>0</v>
      </c>
      <c r="L34" s="422">
        <v>0</v>
      </c>
    </row>
    <row r="35" spans="1:14" ht="10.5" x14ac:dyDescent="0.2">
      <c r="A35" s="146" t="s">
        <v>24</v>
      </c>
      <c r="B35" s="697">
        <v>0</v>
      </c>
      <c r="C35" s="698"/>
      <c r="D35" s="697">
        <v>0</v>
      </c>
      <c r="E35" s="698"/>
      <c r="F35" s="697">
        <v>0</v>
      </c>
      <c r="G35" s="698"/>
      <c r="H35" s="421">
        <v>0</v>
      </c>
      <c r="I35" s="697">
        <v>0</v>
      </c>
      <c r="J35" s="698"/>
      <c r="K35" s="421">
        <v>0</v>
      </c>
      <c r="L35" s="422">
        <v>0</v>
      </c>
    </row>
    <row r="36" spans="1:14" ht="10.5" x14ac:dyDescent="0.2">
      <c r="A36" s="29" t="s">
        <v>370</v>
      </c>
      <c r="B36" s="697">
        <v>0</v>
      </c>
      <c r="C36" s="698"/>
      <c r="D36" s="697">
        <v>0</v>
      </c>
      <c r="E36" s="698"/>
      <c r="F36" s="697">
        <v>0</v>
      </c>
      <c r="G36" s="698"/>
      <c r="H36" s="421">
        <v>0</v>
      </c>
      <c r="I36" s="697">
        <v>0</v>
      </c>
      <c r="J36" s="698"/>
      <c r="K36" s="421">
        <v>0</v>
      </c>
      <c r="L36" s="422">
        <v>0</v>
      </c>
    </row>
    <row r="37" spans="1:14" ht="10.5" x14ac:dyDescent="0.2">
      <c r="A37" s="29" t="s">
        <v>25</v>
      </c>
      <c r="B37" s="697">
        <v>0</v>
      </c>
      <c r="C37" s="698"/>
      <c r="D37" s="697">
        <v>0</v>
      </c>
      <c r="E37" s="698"/>
      <c r="F37" s="697">
        <v>0</v>
      </c>
      <c r="G37" s="698"/>
      <c r="H37" s="421">
        <v>0</v>
      </c>
      <c r="I37" s="697">
        <v>0</v>
      </c>
      <c r="J37" s="698"/>
      <c r="K37" s="421">
        <v>0</v>
      </c>
      <c r="L37" s="422">
        <v>0</v>
      </c>
    </row>
    <row r="38" spans="1:14" ht="10.5" x14ac:dyDescent="0.2">
      <c r="A38" s="29" t="s">
        <v>26</v>
      </c>
      <c r="B38" s="697">
        <v>0</v>
      </c>
      <c r="C38" s="698"/>
      <c r="D38" s="697">
        <v>0</v>
      </c>
      <c r="E38" s="698"/>
      <c r="F38" s="697">
        <v>0</v>
      </c>
      <c r="G38" s="698"/>
      <c r="H38" s="421">
        <v>0</v>
      </c>
      <c r="I38" s="697">
        <v>0</v>
      </c>
      <c r="J38" s="698"/>
      <c r="K38" s="421">
        <v>0</v>
      </c>
      <c r="L38" s="422">
        <v>0</v>
      </c>
    </row>
    <row r="39" spans="1:14" ht="10.5" x14ac:dyDescent="0.2">
      <c r="A39" s="51" t="s">
        <v>27</v>
      </c>
      <c r="B39" s="697">
        <v>0</v>
      </c>
      <c r="C39" s="698"/>
      <c r="D39" s="697">
        <v>0</v>
      </c>
      <c r="E39" s="698"/>
      <c r="F39" s="697">
        <v>0</v>
      </c>
      <c r="G39" s="698"/>
      <c r="H39" s="421">
        <v>0</v>
      </c>
      <c r="I39" s="697">
        <v>0</v>
      </c>
      <c r="J39" s="698"/>
      <c r="K39" s="421">
        <v>0</v>
      </c>
      <c r="L39" s="422">
        <v>0</v>
      </c>
    </row>
    <row r="40" spans="1:14" ht="10.5" x14ac:dyDescent="0.2">
      <c r="A40" s="146" t="s">
        <v>28</v>
      </c>
      <c r="B40" s="697">
        <v>5700</v>
      </c>
      <c r="C40" s="698"/>
      <c r="D40" s="697">
        <v>5700</v>
      </c>
      <c r="E40" s="698"/>
      <c r="F40" s="697">
        <v>0</v>
      </c>
      <c r="G40" s="698"/>
      <c r="H40" s="421">
        <v>0</v>
      </c>
      <c r="I40" s="697">
        <v>0</v>
      </c>
      <c r="J40" s="698"/>
      <c r="K40" s="421">
        <v>0</v>
      </c>
      <c r="L40" s="422">
        <v>5700</v>
      </c>
    </row>
    <row r="41" spans="1:14" ht="10.5" x14ac:dyDescent="0.2">
      <c r="A41" s="146" t="s">
        <v>29</v>
      </c>
      <c r="B41" s="697">
        <v>0</v>
      </c>
      <c r="C41" s="698"/>
      <c r="D41" s="697">
        <v>0</v>
      </c>
      <c r="E41" s="698"/>
      <c r="F41" s="697">
        <v>0</v>
      </c>
      <c r="G41" s="698"/>
      <c r="H41" s="421">
        <v>0</v>
      </c>
      <c r="I41" s="697">
        <v>0</v>
      </c>
      <c r="J41" s="698"/>
      <c r="K41" s="421">
        <v>0</v>
      </c>
      <c r="L41" s="422">
        <v>0</v>
      </c>
      <c r="M41" s="56"/>
      <c r="N41" s="56"/>
    </row>
    <row r="42" spans="1:14" ht="10.5" x14ac:dyDescent="0.2">
      <c r="A42" s="29" t="s">
        <v>30</v>
      </c>
      <c r="B42" s="697">
        <v>0</v>
      </c>
      <c r="C42" s="698"/>
      <c r="D42" s="697">
        <v>0</v>
      </c>
      <c r="E42" s="698"/>
      <c r="F42" s="697">
        <v>0</v>
      </c>
      <c r="G42" s="698"/>
      <c r="H42" s="421">
        <v>0</v>
      </c>
      <c r="I42" s="697">
        <v>0</v>
      </c>
      <c r="J42" s="698"/>
      <c r="K42" s="421">
        <v>0</v>
      </c>
      <c r="L42" s="422">
        <v>0</v>
      </c>
    </row>
    <row r="43" spans="1:14" ht="10.5" x14ac:dyDescent="0.2">
      <c r="A43" s="29" t="s">
        <v>31</v>
      </c>
      <c r="B43" s="697">
        <v>0</v>
      </c>
      <c r="C43" s="698"/>
      <c r="D43" s="697">
        <v>0</v>
      </c>
      <c r="E43" s="698"/>
      <c r="F43" s="697">
        <v>0</v>
      </c>
      <c r="G43" s="698"/>
      <c r="H43" s="421">
        <v>0</v>
      </c>
      <c r="I43" s="697">
        <v>0</v>
      </c>
      <c r="J43" s="698"/>
      <c r="K43" s="421">
        <v>0</v>
      </c>
      <c r="L43" s="422">
        <v>0</v>
      </c>
    </row>
    <row r="44" spans="1:14" ht="10.5" x14ac:dyDescent="0.2">
      <c r="A44" s="29" t="s">
        <v>32</v>
      </c>
      <c r="B44" s="697">
        <v>0</v>
      </c>
      <c r="C44" s="698"/>
      <c r="D44" s="697">
        <v>0</v>
      </c>
      <c r="E44" s="698"/>
      <c r="F44" s="697">
        <v>0</v>
      </c>
      <c r="G44" s="698"/>
      <c r="H44" s="421">
        <v>0</v>
      </c>
      <c r="I44" s="697">
        <v>0</v>
      </c>
      <c r="J44" s="698"/>
      <c r="K44" s="421">
        <v>0</v>
      </c>
      <c r="L44" s="422">
        <v>0</v>
      </c>
    </row>
    <row r="45" spans="1:14" ht="10.5" x14ac:dyDescent="0.2">
      <c r="A45" s="29" t="s">
        <v>33</v>
      </c>
      <c r="B45" s="697">
        <v>0</v>
      </c>
      <c r="C45" s="698"/>
      <c r="D45" s="697">
        <v>0</v>
      </c>
      <c r="E45" s="698"/>
      <c r="F45" s="697">
        <v>0</v>
      </c>
      <c r="G45" s="698"/>
      <c r="H45" s="421">
        <v>0</v>
      </c>
      <c r="I45" s="697">
        <v>0</v>
      </c>
      <c r="J45" s="698"/>
      <c r="K45" s="421">
        <v>0</v>
      </c>
      <c r="L45" s="422">
        <v>0</v>
      </c>
    </row>
    <row r="46" spans="1:14" ht="10.5" x14ac:dyDescent="0.2">
      <c r="A46" s="29" t="s">
        <v>34</v>
      </c>
      <c r="B46" s="697">
        <v>0</v>
      </c>
      <c r="C46" s="698"/>
      <c r="D46" s="697">
        <v>0</v>
      </c>
      <c r="E46" s="698"/>
      <c r="F46" s="697">
        <v>0</v>
      </c>
      <c r="G46" s="698"/>
      <c r="H46" s="421">
        <v>0</v>
      </c>
      <c r="I46" s="697">
        <v>0</v>
      </c>
      <c r="J46" s="698"/>
      <c r="K46" s="421">
        <v>0</v>
      </c>
      <c r="L46" s="422">
        <v>0</v>
      </c>
    </row>
    <row r="47" spans="1:14" ht="10.5" x14ac:dyDescent="0.2">
      <c r="A47" s="52" t="s">
        <v>35</v>
      </c>
      <c r="B47" s="697">
        <v>0</v>
      </c>
      <c r="C47" s="698"/>
      <c r="D47" s="697">
        <v>0</v>
      </c>
      <c r="E47" s="698"/>
      <c r="F47" s="697">
        <v>0</v>
      </c>
      <c r="G47" s="698"/>
      <c r="H47" s="421">
        <v>0</v>
      </c>
      <c r="I47" s="697">
        <v>0</v>
      </c>
      <c r="J47" s="698"/>
      <c r="K47" s="421">
        <v>0</v>
      </c>
      <c r="L47" s="422">
        <v>0</v>
      </c>
    </row>
    <row r="48" spans="1:14" ht="10.5" x14ac:dyDescent="0.2">
      <c r="A48" s="146" t="s">
        <v>36</v>
      </c>
      <c r="B48" s="697">
        <v>40871500</v>
      </c>
      <c r="C48" s="698"/>
      <c r="D48" s="697">
        <v>132146424.95999999</v>
      </c>
      <c r="E48" s="698"/>
      <c r="F48" s="697">
        <v>44988272.57</v>
      </c>
      <c r="G48" s="698"/>
      <c r="H48" s="421">
        <v>34.044260057445904</v>
      </c>
      <c r="I48" s="697">
        <v>177123197.53</v>
      </c>
      <c r="J48" s="698"/>
      <c r="K48" s="421">
        <v>134.0355575897072</v>
      </c>
      <c r="L48" s="422">
        <v>11500</v>
      </c>
    </row>
    <row r="49" spans="1:14" ht="10.5" x14ac:dyDescent="0.2">
      <c r="A49" s="29" t="s">
        <v>37</v>
      </c>
      <c r="B49" s="697">
        <v>11500</v>
      </c>
      <c r="C49" s="698"/>
      <c r="D49" s="697">
        <v>11500</v>
      </c>
      <c r="E49" s="698"/>
      <c r="F49" s="697">
        <v>0</v>
      </c>
      <c r="G49" s="698"/>
      <c r="H49" s="421">
        <v>0</v>
      </c>
      <c r="I49" s="697">
        <v>0</v>
      </c>
      <c r="J49" s="698"/>
      <c r="K49" s="421">
        <v>0</v>
      </c>
      <c r="L49" s="422">
        <v>11500</v>
      </c>
    </row>
    <row r="50" spans="1:14" ht="10.5" x14ac:dyDescent="0.2">
      <c r="A50" s="29" t="s">
        <v>38</v>
      </c>
      <c r="B50" s="697">
        <v>0</v>
      </c>
      <c r="C50" s="698"/>
      <c r="D50" s="697">
        <v>0</v>
      </c>
      <c r="E50" s="698"/>
      <c r="F50" s="697">
        <v>0</v>
      </c>
      <c r="G50" s="698"/>
      <c r="H50" s="421">
        <v>0</v>
      </c>
      <c r="I50" s="697">
        <v>0</v>
      </c>
      <c r="J50" s="698"/>
      <c r="K50" s="421">
        <v>0</v>
      </c>
      <c r="L50" s="422">
        <v>0</v>
      </c>
    </row>
    <row r="51" spans="1:14" ht="10.5" x14ac:dyDescent="0.2">
      <c r="A51" s="29" t="s">
        <v>39</v>
      </c>
      <c r="B51" s="697">
        <v>0</v>
      </c>
      <c r="C51" s="698"/>
      <c r="D51" s="697">
        <v>0</v>
      </c>
      <c r="E51" s="698"/>
      <c r="F51" s="697">
        <v>0</v>
      </c>
      <c r="G51" s="698"/>
      <c r="H51" s="421">
        <v>0</v>
      </c>
      <c r="I51" s="697">
        <v>0</v>
      </c>
      <c r="J51" s="698"/>
      <c r="K51" s="421">
        <v>0</v>
      </c>
      <c r="L51" s="422">
        <v>0</v>
      </c>
    </row>
    <row r="52" spans="1:14" ht="21" x14ac:dyDescent="0.2">
      <c r="A52" s="50" t="s">
        <v>371</v>
      </c>
      <c r="B52" s="697">
        <v>0</v>
      </c>
      <c r="C52" s="698"/>
      <c r="D52" s="697">
        <v>0</v>
      </c>
      <c r="E52" s="698"/>
      <c r="F52" s="697">
        <v>0</v>
      </c>
      <c r="G52" s="698"/>
      <c r="H52" s="421">
        <v>0</v>
      </c>
      <c r="I52" s="697">
        <v>0</v>
      </c>
      <c r="J52" s="698"/>
      <c r="K52" s="421">
        <v>0</v>
      </c>
      <c r="L52" s="422">
        <v>0</v>
      </c>
    </row>
    <row r="53" spans="1:14" ht="10.5" x14ac:dyDescent="0.2">
      <c r="A53" s="52" t="s">
        <v>54</v>
      </c>
      <c r="B53" s="697">
        <v>40860000</v>
      </c>
      <c r="C53" s="698"/>
      <c r="D53" s="697">
        <v>132134924.95999999</v>
      </c>
      <c r="E53" s="698"/>
      <c r="F53" s="697">
        <v>44988272.57</v>
      </c>
      <c r="G53" s="698"/>
      <c r="H53" s="421">
        <v>34.047223006043929</v>
      </c>
      <c r="I53" s="697">
        <v>132134924.95999999</v>
      </c>
      <c r="J53" s="698"/>
      <c r="K53" s="421">
        <v>100</v>
      </c>
      <c r="L53" s="422">
        <v>0</v>
      </c>
    </row>
    <row r="54" spans="1:14" ht="10.5" x14ac:dyDescent="0.2">
      <c r="A54" s="146" t="s">
        <v>40</v>
      </c>
      <c r="B54" s="709">
        <v>0</v>
      </c>
      <c r="C54" s="710"/>
      <c r="D54" s="709">
        <v>0</v>
      </c>
      <c r="E54" s="710"/>
      <c r="F54" s="709">
        <v>0</v>
      </c>
      <c r="G54" s="710"/>
      <c r="H54" s="419">
        <v>0</v>
      </c>
      <c r="I54" s="709">
        <v>0</v>
      </c>
      <c r="J54" s="710"/>
      <c r="K54" s="419">
        <v>0</v>
      </c>
      <c r="L54" s="462">
        <v>0</v>
      </c>
    </row>
    <row r="55" spans="1:14" ht="10.5" x14ac:dyDescent="0.2">
      <c r="A55" s="146" t="s">
        <v>41</v>
      </c>
      <c r="B55" s="697">
        <v>0</v>
      </c>
      <c r="C55" s="698"/>
      <c r="D55" s="697">
        <v>0</v>
      </c>
      <c r="E55" s="698"/>
      <c r="F55" s="697">
        <v>0</v>
      </c>
      <c r="G55" s="698"/>
      <c r="H55" s="421">
        <v>0</v>
      </c>
      <c r="I55" s="697">
        <v>0</v>
      </c>
      <c r="J55" s="698"/>
      <c r="K55" s="421">
        <v>0</v>
      </c>
      <c r="L55" s="422">
        <v>0</v>
      </c>
    </row>
    <row r="56" spans="1:14" ht="10.5" x14ac:dyDescent="0.2">
      <c r="A56" s="29" t="s">
        <v>42</v>
      </c>
      <c r="B56" s="697">
        <v>0</v>
      </c>
      <c r="C56" s="698"/>
      <c r="D56" s="697">
        <v>0</v>
      </c>
      <c r="E56" s="698"/>
      <c r="F56" s="697">
        <v>0</v>
      </c>
      <c r="G56" s="698"/>
      <c r="H56" s="421">
        <v>0</v>
      </c>
      <c r="I56" s="697">
        <v>0</v>
      </c>
      <c r="J56" s="698"/>
      <c r="K56" s="421">
        <v>0</v>
      </c>
      <c r="L56" s="422">
        <v>0</v>
      </c>
    </row>
    <row r="57" spans="1:14" ht="10.5" x14ac:dyDescent="0.2">
      <c r="A57" s="29" t="s">
        <v>43</v>
      </c>
      <c r="B57" s="697">
        <v>0</v>
      </c>
      <c r="C57" s="698"/>
      <c r="D57" s="697">
        <v>0</v>
      </c>
      <c r="E57" s="698"/>
      <c r="F57" s="697">
        <v>0</v>
      </c>
      <c r="G57" s="698"/>
      <c r="H57" s="421">
        <v>0</v>
      </c>
      <c r="I57" s="697">
        <v>0</v>
      </c>
      <c r="J57" s="698"/>
      <c r="K57" s="421">
        <v>0</v>
      </c>
      <c r="L57" s="422">
        <v>0</v>
      </c>
    </row>
    <row r="58" spans="1:14" ht="10.5" x14ac:dyDescent="0.2">
      <c r="A58" s="146" t="s">
        <v>44</v>
      </c>
      <c r="B58" s="697">
        <v>0</v>
      </c>
      <c r="C58" s="698"/>
      <c r="D58" s="697">
        <v>0</v>
      </c>
      <c r="E58" s="698"/>
      <c r="F58" s="697">
        <v>0</v>
      </c>
      <c r="G58" s="698"/>
      <c r="H58" s="421">
        <v>0</v>
      </c>
      <c r="I58" s="697">
        <v>0</v>
      </c>
      <c r="J58" s="698"/>
      <c r="K58" s="421">
        <v>0</v>
      </c>
      <c r="L58" s="422">
        <v>0</v>
      </c>
      <c r="M58" s="56"/>
      <c r="N58" s="56"/>
    </row>
    <row r="59" spans="1:14" ht="10.5" x14ac:dyDescent="0.2">
      <c r="A59" s="29" t="s">
        <v>45</v>
      </c>
      <c r="B59" s="697">
        <v>0</v>
      </c>
      <c r="C59" s="698"/>
      <c r="D59" s="697">
        <v>0</v>
      </c>
      <c r="E59" s="698"/>
      <c r="F59" s="697">
        <v>0</v>
      </c>
      <c r="G59" s="698"/>
      <c r="H59" s="421">
        <v>0</v>
      </c>
      <c r="I59" s="697">
        <v>0</v>
      </c>
      <c r="J59" s="698"/>
      <c r="K59" s="421">
        <v>0</v>
      </c>
      <c r="L59" s="422">
        <v>0</v>
      </c>
    </row>
    <row r="60" spans="1:14" ht="10.5" x14ac:dyDescent="0.2">
      <c r="A60" s="29" t="s">
        <v>46</v>
      </c>
      <c r="B60" s="697">
        <v>0</v>
      </c>
      <c r="C60" s="698"/>
      <c r="D60" s="697">
        <v>0</v>
      </c>
      <c r="E60" s="698"/>
      <c r="F60" s="697">
        <v>0</v>
      </c>
      <c r="G60" s="698"/>
      <c r="H60" s="421">
        <v>0</v>
      </c>
      <c r="I60" s="697">
        <v>0</v>
      </c>
      <c r="J60" s="698"/>
      <c r="K60" s="421">
        <v>0</v>
      </c>
      <c r="L60" s="422">
        <v>0</v>
      </c>
    </row>
    <row r="61" spans="1:14" ht="10.5" x14ac:dyDescent="0.2">
      <c r="A61" s="146" t="s">
        <v>47</v>
      </c>
      <c r="B61" s="697">
        <v>0</v>
      </c>
      <c r="C61" s="698"/>
      <c r="D61" s="697">
        <v>0</v>
      </c>
      <c r="E61" s="698"/>
      <c r="F61" s="697">
        <v>0</v>
      </c>
      <c r="G61" s="698"/>
      <c r="H61" s="421">
        <v>0</v>
      </c>
      <c r="I61" s="697">
        <v>0</v>
      </c>
      <c r="J61" s="698"/>
      <c r="K61" s="421">
        <v>0</v>
      </c>
      <c r="L61" s="422">
        <v>0</v>
      </c>
    </row>
    <row r="62" spans="1:14" ht="10.5" x14ac:dyDescent="0.2">
      <c r="A62" s="146" t="s">
        <v>48</v>
      </c>
      <c r="B62" s="697">
        <v>0</v>
      </c>
      <c r="C62" s="698"/>
      <c r="D62" s="697">
        <v>0</v>
      </c>
      <c r="E62" s="698"/>
      <c r="F62" s="697">
        <v>0</v>
      </c>
      <c r="G62" s="698"/>
      <c r="H62" s="421">
        <v>0</v>
      </c>
      <c r="I62" s="697">
        <v>0</v>
      </c>
      <c r="J62" s="698"/>
      <c r="K62" s="421">
        <v>0</v>
      </c>
      <c r="L62" s="422">
        <v>0</v>
      </c>
      <c r="M62" s="56"/>
      <c r="N62" s="56"/>
    </row>
    <row r="63" spans="1:14" ht="10.5" x14ac:dyDescent="0.2">
      <c r="A63" s="29" t="s">
        <v>30</v>
      </c>
      <c r="B63" s="697">
        <v>0</v>
      </c>
      <c r="C63" s="698"/>
      <c r="D63" s="697">
        <v>0</v>
      </c>
      <c r="E63" s="698"/>
      <c r="F63" s="697">
        <v>0</v>
      </c>
      <c r="G63" s="698"/>
      <c r="H63" s="421">
        <v>0</v>
      </c>
      <c r="I63" s="697">
        <v>0</v>
      </c>
      <c r="J63" s="698"/>
      <c r="K63" s="421">
        <v>0</v>
      </c>
      <c r="L63" s="422">
        <v>0</v>
      </c>
    </row>
    <row r="64" spans="1:14" ht="10.5" x14ac:dyDescent="0.2">
      <c r="A64" s="29" t="s">
        <v>31</v>
      </c>
      <c r="B64" s="697">
        <v>0</v>
      </c>
      <c r="C64" s="698"/>
      <c r="D64" s="697">
        <v>0</v>
      </c>
      <c r="E64" s="698"/>
      <c r="F64" s="697">
        <v>0</v>
      </c>
      <c r="G64" s="698"/>
      <c r="H64" s="421">
        <v>0</v>
      </c>
      <c r="I64" s="697">
        <v>0</v>
      </c>
      <c r="J64" s="698"/>
      <c r="K64" s="421">
        <v>0</v>
      </c>
      <c r="L64" s="422">
        <v>0</v>
      </c>
    </row>
    <row r="65" spans="1:12" ht="10.5" x14ac:dyDescent="0.2">
      <c r="A65" s="29" t="s">
        <v>32</v>
      </c>
      <c r="B65" s="697">
        <v>0</v>
      </c>
      <c r="C65" s="698"/>
      <c r="D65" s="697">
        <v>0</v>
      </c>
      <c r="E65" s="698"/>
      <c r="F65" s="697">
        <v>0</v>
      </c>
      <c r="G65" s="698"/>
      <c r="H65" s="421">
        <v>0</v>
      </c>
      <c r="I65" s="697">
        <v>0</v>
      </c>
      <c r="J65" s="698"/>
      <c r="K65" s="421">
        <v>0</v>
      </c>
      <c r="L65" s="422">
        <v>0</v>
      </c>
    </row>
    <row r="66" spans="1:12" ht="10.5" x14ac:dyDescent="0.2">
      <c r="A66" s="29" t="s">
        <v>33</v>
      </c>
      <c r="B66" s="697">
        <v>0</v>
      </c>
      <c r="C66" s="698"/>
      <c r="D66" s="697">
        <v>0</v>
      </c>
      <c r="E66" s="698"/>
      <c r="F66" s="697">
        <v>0</v>
      </c>
      <c r="G66" s="698"/>
      <c r="H66" s="421">
        <v>0</v>
      </c>
      <c r="I66" s="697">
        <v>0</v>
      </c>
      <c r="J66" s="698"/>
      <c r="K66" s="421">
        <v>0</v>
      </c>
      <c r="L66" s="422">
        <v>0</v>
      </c>
    </row>
    <row r="67" spans="1:12" ht="10.5" x14ac:dyDescent="0.2">
      <c r="A67" s="53" t="s">
        <v>49</v>
      </c>
      <c r="B67" s="697">
        <v>0</v>
      </c>
      <c r="C67" s="698"/>
      <c r="D67" s="697">
        <v>0</v>
      </c>
      <c r="E67" s="698"/>
      <c r="F67" s="697">
        <v>0</v>
      </c>
      <c r="G67" s="698"/>
      <c r="H67" s="421">
        <v>0</v>
      </c>
      <c r="I67" s="697">
        <v>0</v>
      </c>
      <c r="J67" s="698"/>
      <c r="K67" s="421">
        <v>0</v>
      </c>
      <c r="L67" s="422">
        <v>0</v>
      </c>
    </row>
    <row r="68" spans="1:12" ht="10.5" x14ac:dyDescent="0.2">
      <c r="A68" s="53" t="s">
        <v>34</v>
      </c>
      <c r="B68" s="697">
        <v>0</v>
      </c>
      <c r="C68" s="698"/>
      <c r="D68" s="697">
        <v>0</v>
      </c>
      <c r="E68" s="698"/>
      <c r="F68" s="697">
        <v>0</v>
      </c>
      <c r="G68" s="698"/>
      <c r="H68" s="421">
        <v>0</v>
      </c>
      <c r="I68" s="697">
        <v>0</v>
      </c>
      <c r="J68" s="698"/>
      <c r="K68" s="421">
        <v>0</v>
      </c>
      <c r="L68" s="422">
        <v>0</v>
      </c>
    </row>
    <row r="69" spans="1:12" ht="10.5" x14ac:dyDescent="0.2">
      <c r="A69" s="53" t="s">
        <v>35</v>
      </c>
      <c r="B69" s="697">
        <v>0</v>
      </c>
      <c r="C69" s="698"/>
      <c r="D69" s="697">
        <v>0</v>
      </c>
      <c r="E69" s="698"/>
      <c r="F69" s="697">
        <v>0</v>
      </c>
      <c r="G69" s="698"/>
      <c r="H69" s="421">
        <v>0</v>
      </c>
      <c r="I69" s="697">
        <v>0</v>
      </c>
      <c r="J69" s="698"/>
      <c r="K69" s="421">
        <v>0</v>
      </c>
      <c r="L69" s="422">
        <v>0</v>
      </c>
    </row>
    <row r="70" spans="1:12" ht="10.5" x14ac:dyDescent="0.2">
      <c r="A70" s="146" t="s">
        <v>50</v>
      </c>
      <c r="B70" s="697">
        <v>0</v>
      </c>
      <c r="C70" s="698"/>
      <c r="D70" s="697">
        <v>0</v>
      </c>
      <c r="E70" s="698"/>
      <c r="F70" s="697">
        <v>0</v>
      </c>
      <c r="G70" s="698"/>
      <c r="H70" s="421">
        <v>0</v>
      </c>
      <c r="I70" s="697">
        <v>0</v>
      </c>
      <c r="J70" s="698"/>
      <c r="K70" s="421">
        <v>0</v>
      </c>
      <c r="L70" s="422">
        <v>0</v>
      </c>
    </row>
    <row r="71" spans="1:12" ht="10.5" x14ac:dyDescent="0.2">
      <c r="A71" s="29" t="s">
        <v>51</v>
      </c>
      <c r="B71" s="697">
        <v>0</v>
      </c>
      <c r="C71" s="698"/>
      <c r="D71" s="697">
        <v>0</v>
      </c>
      <c r="E71" s="698"/>
      <c r="F71" s="697">
        <v>0</v>
      </c>
      <c r="G71" s="698"/>
      <c r="H71" s="421">
        <v>0</v>
      </c>
      <c r="I71" s="697">
        <v>0</v>
      </c>
      <c r="J71" s="698"/>
      <c r="K71" s="421">
        <v>0</v>
      </c>
      <c r="L71" s="422">
        <v>0</v>
      </c>
    </row>
    <row r="72" spans="1:12" ht="10.5" x14ac:dyDescent="0.2">
      <c r="A72" s="54" t="s">
        <v>52</v>
      </c>
      <c r="B72" s="697">
        <v>0</v>
      </c>
      <c r="C72" s="698"/>
      <c r="D72" s="697">
        <v>0</v>
      </c>
      <c r="E72" s="698"/>
      <c r="F72" s="697">
        <v>0</v>
      </c>
      <c r="G72" s="698"/>
      <c r="H72" s="421">
        <v>0</v>
      </c>
      <c r="I72" s="697">
        <v>0</v>
      </c>
      <c r="J72" s="698"/>
      <c r="K72" s="421">
        <v>0</v>
      </c>
      <c r="L72" s="422">
        <v>0</v>
      </c>
    </row>
    <row r="73" spans="1:12" ht="10.5" x14ac:dyDescent="0.2">
      <c r="A73" s="423" t="s">
        <v>53</v>
      </c>
      <c r="B73" s="707">
        <v>0</v>
      </c>
      <c r="C73" s="708"/>
      <c r="D73" s="707">
        <v>0</v>
      </c>
      <c r="E73" s="708"/>
      <c r="F73" s="707">
        <v>0</v>
      </c>
      <c r="G73" s="708"/>
      <c r="H73" s="424">
        <v>0</v>
      </c>
      <c r="I73" s="707">
        <v>0</v>
      </c>
      <c r="J73" s="708"/>
      <c r="K73" s="424">
        <v>0</v>
      </c>
      <c r="L73" s="425">
        <v>0</v>
      </c>
    </row>
    <row r="74" spans="1:12" ht="5.0999999999999996" customHeight="1" x14ac:dyDescent="0.2">
      <c r="F74" s="56"/>
      <c r="G74" s="56"/>
      <c r="H74" s="56"/>
      <c r="I74" s="56"/>
      <c r="J74" s="56"/>
      <c r="K74" s="56"/>
      <c r="L74" s="56"/>
    </row>
    <row r="75" spans="1:12" ht="5.0999999999999996" customHeight="1" x14ac:dyDescent="0.2">
      <c r="F75" s="56"/>
      <c r="G75" s="56"/>
      <c r="H75" s="56"/>
      <c r="I75" s="56"/>
      <c r="J75" s="56"/>
      <c r="K75" s="56"/>
      <c r="L75" s="56"/>
    </row>
    <row r="76" spans="1:12" ht="10.5" x14ac:dyDescent="0.2">
      <c r="A76" s="737" t="s">
        <v>536</v>
      </c>
      <c r="B76" s="414" t="s">
        <v>156</v>
      </c>
      <c r="C76" s="414" t="s">
        <v>156</v>
      </c>
      <c r="D76" s="751" t="s">
        <v>157</v>
      </c>
      <c r="E76" s="759"/>
      <c r="F76" s="748" t="s">
        <v>160</v>
      </c>
      <c r="G76" s="751" t="s">
        <v>158</v>
      </c>
      <c r="H76" s="752"/>
      <c r="I76" s="761" t="s">
        <v>160</v>
      </c>
      <c r="J76" s="763" t="s">
        <v>534</v>
      </c>
      <c r="K76" s="753" t="s">
        <v>635</v>
      </c>
      <c r="L76" s="754"/>
    </row>
    <row r="77" spans="1:12" ht="10.5" x14ac:dyDescent="0.2">
      <c r="A77" s="738"/>
      <c r="B77" s="415" t="s">
        <v>110</v>
      </c>
      <c r="C77" s="415" t="s">
        <v>111</v>
      </c>
      <c r="D77" s="59" t="s">
        <v>429</v>
      </c>
      <c r="E77" s="59" t="s">
        <v>430</v>
      </c>
      <c r="F77" s="749"/>
      <c r="G77" s="59" t="s">
        <v>429</v>
      </c>
      <c r="H77" s="60" t="s">
        <v>430</v>
      </c>
      <c r="I77" s="762"/>
      <c r="J77" s="764"/>
      <c r="K77" s="755"/>
      <c r="L77" s="756"/>
    </row>
    <row r="78" spans="1:12" ht="10.5" x14ac:dyDescent="0.2">
      <c r="A78" s="738"/>
      <c r="B78" s="415"/>
      <c r="C78" s="415"/>
      <c r="D78" s="60" t="s">
        <v>120</v>
      </c>
      <c r="E78" s="60" t="s">
        <v>120</v>
      </c>
      <c r="F78" s="749"/>
      <c r="G78" s="60" t="s">
        <v>120</v>
      </c>
      <c r="H78" s="60" t="s">
        <v>120</v>
      </c>
      <c r="I78" s="762"/>
      <c r="J78" s="764"/>
      <c r="K78" s="755"/>
      <c r="L78" s="756"/>
    </row>
    <row r="79" spans="1:12" s="395" customFormat="1" ht="15" customHeight="1" x14ac:dyDescent="0.2">
      <c r="A79" s="739"/>
      <c r="B79" s="392" t="s">
        <v>161</v>
      </c>
      <c r="C79" s="392" t="s">
        <v>162</v>
      </c>
      <c r="D79" s="394"/>
      <c r="E79" s="392" t="s">
        <v>232</v>
      </c>
      <c r="F79" s="393" t="s">
        <v>538</v>
      </c>
      <c r="G79" s="394"/>
      <c r="H79" s="392" t="s">
        <v>164</v>
      </c>
      <c r="I79" s="392" t="s">
        <v>539</v>
      </c>
      <c r="J79" s="392" t="s">
        <v>348</v>
      </c>
      <c r="K79" s="757"/>
      <c r="L79" s="758"/>
    </row>
    <row r="80" spans="1:12" ht="10.5" x14ac:dyDescent="0.2">
      <c r="A80" s="151" t="s">
        <v>849</v>
      </c>
      <c r="B80" s="487">
        <v>993939500</v>
      </c>
      <c r="C80" s="487">
        <v>1288642155.1800001</v>
      </c>
      <c r="D80" s="487">
        <v>187826435.25</v>
      </c>
      <c r="E80" s="487">
        <v>1075566081.0999999</v>
      </c>
      <c r="F80" s="487">
        <v>213076074.08000016</v>
      </c>
      <c r="G80" s="487">
        <v>203827662.84999999</v>
      </c>
      <c r="H80" s="487">
        <v>565772348.17000008</v>
      </c>
      <c r="I80" s="487">
        <v>722869807.00999999</v>
      </c>
      <c r="J80" s="487">
        <v>457727892.09999996</v>
      </c>
      <c r="K80" s="705">
        <v>0</v>
      </c>
      <c r="L80" s="760"/>
    </row>
    <row r="81" spans="1:12" ht="10.5" x14ac:dyDescent="0.2">
      <c r="A81" s="62" t="s">
        <v>85</v>
      </c>
      <c r="B81" s="487">
        <v>993939500</v>
      </c>
      <c r="C81" s="487">
        <v>1288642155.1800001</v>
      </c>
      <c r="D81" s="487">
        <v>187826435.25</v>
      </c>
      <c r="E81" s="487">
        <v>1075566081.0999999</v>
      </c>
      <c r="F81" s="487">
        <v>213076074.07999998</v>
      </c>
      <c r="G81" s="487">
        <v>203827662.84999999</v>
      </c>
      <c r="H81" s="487">
        <v>565772348.17000008</v>
      </c>
      <c r="I81" s="487">
        <v>722869807.00999999</v>
      </c>
      <c r="J81" s="487">
        <v>457727892.09999996</v>
      </c>
      <c r="K81" s="697">
        <v>0</v>
      </c>
      <c r="L81" s="745"/>
    </row>
    <row r="82" spans="1:12" s="44" customFormat="1" ht="10.5" x14ac:dyDescent="0.2">
      <c r="A82" s="62" t="s">
        <v>86</v>
      </c>
      <c r="B82" s="421">
        <v>713422400</v>
      </c>
      <c r="C82" s="421">
        <v>776900956.49000001</v>
      </c>
      <c r="D82" s="421">
        <v>128229170.2</v>
      </c>
      <c r="E82" s="421">
        <v>594705827.73000002</v>
      </c>
      <c r="F82" s="421">
        <v>182195128.75999999</v>
      </c>
      <c r="G82" s="422">
        <v>125319978</v>
      </c>
      <c r="H82" s="422">
        <v>338996803.66000003</v>
      </c>
      <c r="I82" s="422">
        <v>437904152.82999998</v>
      </c>
      <c r="J82" s="421">
        <v>271219891.89999998</v>
      </c>
      <c r="K82" s="697"/>
      <c r="L82" s="745"/>
    </row>
    <row r="83" spans="1:12" ht="10.5" x14ac:dyDescent="0.2">
      <c r="A83" s="62" t="s">
        <v>87</v>
      </c>
      <c r="B83" s="421">
        <v>0</v>
      </c>
      <c r="C83" s="421">
        <v>0</v>
      </c>
      <c r="D83" s="421">
        <v>0</v>
      </c>
      <c r="E83" s="421">
        <v>0</v>
      </c>
      <c r="F83" s="421">
        <v>0</v>
      </c>
      <c r="G83" s="422">
        <v>0</v>
      </c>
      <c r="H83" s="422">
        <v>0</v>
      </c>
      <c r="I83" s="422">
        <v>0</v>
      </c>
      <c r="J83" s="421">
        <v>0</v>
      </c>
      <c r="K83" s="697"/>
      <c r="L83" s="745"/>
    </row>
    <row r="84" spans="1:12" ht="10.5" x14ac:dyDescent="0.2">
      <c r="A84" s="62" t="s">
        <v>123</v>
      </c>
      <c r="B84" s="488">
        <v>280517100</v>
      </c>
      <c r="C84" s="488">
        <v>511741198.69</v>
      </c>
      <c r="D84" s="488">
        <v>59597265.049999997</v>
      </c>
      <c r="E84" s="488">
        <v>480860253.37</v>
      </c>
      <c r="F84" s="488">
        <v>30880945.319999993</v>
      </c>
      <c r="G84" s="488">
        <v>78507684.849999994</v>
      </c>
      <c r="H84" s="488">
        <v>226775544.50999999</v>
      </c>
      <c r="I84" s="488">
        <v>284965654.18000001</v>
      </c>
      <c r="J84" s="488">
        <v>186508000.19999999</v>
      </c>
      <c r="K84" s="697">
        <v>0</v>
      </c>
      <c r="L84" s="745"/>
    </row>
    <row r="85" spans="1:12" ht="10.5" x14ac:dyDescent="0.2">
      <c r="A85" s="63" t="s">
        <v>734</v>
      </c>
      <c r="B85" s="421">
        <v>0</v>
      </c>
      <c r="C85" s="421">
        <v>0</v>
      </c>
      <c r="D85" s="421">
        <v>0</v>
      </c>
      <c r="E85" s="421">
        <v>0</v>
      </c>
      <c r="F85" s="421">
        <v>0</v>
      </c>
      <c r="G85" s="422">
        <v>0</v>
      </c>
      <c r="H85" s="422">
        <v>0</v>
      </c>
      <c r="I85" s="422">
        <v>0</v>
      </c>
      <c r="J85" s="421">
        <v>0</v>
      </c>
      <c r="K85" s="697"/>
      <c r="L85" s="745"/>
    </row>
    <row r="86" spans="1:12" ht="10.5" x14ac:dyDescent="0.2">
      <c r="A86" s="63" t="s">
        <v>735</v>
      </c>
      <c r="B86" s="421">
        <v>280517100</v>
      </c>
      <c r="C86" s="421">
        <v>511741198.69</v>
      </c>
      <c r="D86" s="421">
        <v>59597265.049999997</v>
      </c>
      <c r="E86" s="421">
        <v>480860253.37</v>
      </c>
      <c r="F86" s="421">
        <v>30880945.319999993</v>
      </c>
      <c r="G86" s="422">
        <v>78507684.849999994</v>
      </c>
      <c r="H86" s="422">
        <v>226775544.50999999</v>
      </c>
      <c r="I86" s="422">
        <v>284965654.18000001</v>
      </c>
      <c r="J86" s="421">
        <v>186508000.19999999</v>
      </c>
      <c r="K86" s="697"/>
      <c r="L86" s="745"/>
    </row>
    <row r="87" spans="1:12" s="44" customFormat="1" ht="10.5" x14ac:dyDescent="0.2">
      <c r="A87" s="62" t="s">
        <v>89</v>
      </c>
      <c r="B87" s="488">
        <v>0</v>
      </c>
      <c r="C87" s="488">
        <v>0</v>
      </c>
      <c r="D87" s="488">
        <v>0</v>
      </c>
      <c r="E87" s="488">
        <v>0</v>
      </c>
      <c r="F87" s="488">
        <v>0</v>
      </c>
      <c r="G87" s="488">
        <v>0</v>
      </c>
      <c r="H87" s="488">
        <v>0</v>
      </c>
      <c r="I87" s="488">
        <v>0</v>
      </c>
      <c r="J87" s="488">
        <v>0</v>
      </c>
      <c r="K87" s="697">
        <v>0</v>
      </c>
      <c r="L87" s="745"/>
    </row>
    <row r="88" spans="1:12" ht="10.5" x14ac:dyDescent="0.2">
      <c r="A88" s="56" t="s">
        <v>90</v>
      </c>
      <c r="B88" s="421">
        <v>0</v>
      </c>
      <c r="C88" s="421">
        <v>0</v>
      </c>
      <c r="D88" s="421">
        <v>0</v>
      </c>
      <c r="E88" s="421">
        <v>0</v>
      </c>
      <c r="F88" s="421">
        <v>0</v>
      </c>
      <c r="G88" s="422">
        <v>0</v>
      </c>
      <c r="H88" s="422">
        <v>0</v>
      </c>
      <c r="I88" s="422">
        <v>0</v>
      </c>
      <c r="J88" s="421">
        <v>0</v>
      </c>
      <c r="K88" s="697"/>
      <c r="L88" s="745"/>
    </row>
    <row r="89" spans="1:12" ht="10.5" x14ac:dyDescent="0.2">
      <c r="A89" s="56" t="s">
        <v>91</v>
      </c>
      <c r="B89" s="421">
        <v>0</v>
      </c>
      <c r="C89" s="421">
        <v>0</v>
      </c>
      <c r="D89" s="421">
        <v>0</v>
      </c>
      <c r="E89" s="421">
        <v>0</v>
      </c>
      <c r="F89" s="421">
        <v>0</v>
      </c>
      <c r="G89" s="422">
        <v>0</v>
      </c>
      <c r="H89" s="422">
        <v>0</v>
      </c>
      <c r="I89" s="422">
        <v>0</v>
      </c>
      <c r="J89" s="421">
        <v>0</v>
      </c>
      <c r="K89" s="697"/>
      <c r="L89" s="745"/>
    </row>
    <row r="90" spans="1:12" ht="10.5" x14ac:dyDescent="0.2">
      <c r="A90" s="56" t="s">
        <v>92</v>
      </c>
      <c r="B90" s="421">
        <v>0</v>
      </c>
      <c r="C90" s="421">
        <v>0</v>
      </c>
      <c r="D90" s="421">
        <v>0</v>
      </c>
      <c r="E90" s="421">
        <v>0</v>
      </c>
      <c r="F90" s="421">
        <v>0</v>
      </c>
      <c r="G90" s="422">
        <v>0</v>
      </c>
      <c r="H90" s="422">
        <v>0</v>
      </c>
      <c r="I90" s="422">
        <v>0</v>
      </c>
      <c r="J90" s="421">
        <v>0</v>
      </c>
      <c r="K90" s="707"/>
      <c r="L90" s="746"/>
    </row>
    <row r="91" spans="1:12" ht="10.5" x14ac:dyDescent="0.2">
      <c r="A91" s="74" t="s">
        <v>846</v>
      </c>
      <c r="B91" s="154"/>
      <c r="C91" s="154"/>
      <c r="D91" s="154"/>
      <c r="E91" s="154"/>
      <c r="F91" s="444"/>
      <c r="G91" s="154"/>
      <c r="H91" s="154"/>
      <c r="I91" s="444"/>
      <c r="J91" s="154"/>
      <c r="K91" s="154"/>
    </row>
    <row r="92" spans="1:12" ht="10.5" x14ac:dyDescent="0.2">
      <c r="D92" s="204"/>
      <c r="I92" s="204"/>
      <c r="J92" s="204"/>
    </row>
    <row r="93" spans="1:12" ht="10.5" x14ac:dyDescent="0.2">
      <c r="D93" s="204"/>
      <c r="J93" s="204"/>
    </row>
    <row r="94" spans="1:12" ht="10.5" x14ac:dyDescent="0.2">
      <c r="D94" s="204"/>
    </row>
  </sheetData>
  <customSheetViews>
    <customSheetView guid="{C779D862-DE28-46CD-A428-4AAA1056D1E1}" showPageBreaks="1" showGridLines="0" fitToPage="1" printArea="1">
      <selection activeCell="A42" sqref="A42"/>
      <pageMargins left="0.19685039370078741" right="0.19685039370078741" top="0.39370078740157483" bottom="0.19685039370078741" header="0" footer="0"/>
      <printOptions horizontalCentered="1"/>
      <pageSetup paperSize="9" scale="42" orientation="portrait" r:id="rId1"/>
    </customSheetView>
    <customSheetView guid="{82EDB5A4-4824-4632-A540-7A52C92F04C7}" scale="90" showPageBreaks="1" showGridLines="0" fitToPage="1" topLeftCell="A10">
      <pane xSplit="1" ySplit="3" topLeftCell="D42" activePane="bottomRight" state="frozen"/>
      <selection pane="bottomRight" activeCell="A42" sqref="A42"/>
      <pageMargins left="0.19685039370078741" right="0.19685039370078741" top="0.39370078740157483" bottom="0.19685039370078741" header="0" footer="0"/>
      <printOptions horizontalCentered="1"/>
      <pageSetup paperSize="9" scale="43" orientation="portrait" r:id="rId2"/>
    </customSheetView>
    <customSheetView guid="{3AAF6A5F-F9AA-430B-9AD9-1261ECDF41B5}" scale="80" showPageBreaks="1" showGridLines="0" fitToPage="1" printArea="1" topLeftCell="A55">
      <selection activeCell="B82" sqref="B82"/>
      <pageMargins left="0.19685039370078741" right="0.19685039370078741" top="0.39370078740157483" bottom="0.19685039370078741" header="0" footer="0"/>
      <printOptions horizontalCentered="1"/>
      <pageSetup paperSize="9" scale="42" orientation="portrait" r:id="rId3"/>
    </customSheetView>
    <customSheetView guid="{B4FED47C-EE37-4843-A570-282D4F8229D4}" showGridLines="0" fitToPage="1">
      <pageMargins left="0.19685039370078741" right="0.19685039370078741" top="0.39370078740157483" bottom="0.19685039370078741" header="0" footer="0"/>
      <printOptions horizontalCentered="1"/>
      <pageSetup paperSize="9" scale="39" orientation="portrait" r:id="rId4"/>
    </customSheetView>
    <customSheetView guid="{6DBFA32C-4AA4-4E1D-9A48-697377C64CC3}" showPageBreaks="1" showGridLines="0" fitToPage="1" printArea="1" topLeftCell="A61">
      <selection activeCell="H9" sqref="H9"/>
      <pageMargins left="0.19685039370078741" right="0.19685039370078741" top="0.39370078740157483" bottom="0.19685039370078741" header="0" footer="0"/>
      <printOptions horizontalCentered="1"/>
      <pageSetup paperSize="9" scale="43" orientation="portrait" r:id="rId5"/>
    </customSheetView>
    <customSheetView guid="{25EF1E0D-169B-4051-B414-7E1196FC05E4}" showPageBreaks="1" showGridLines="0" fitToPage="1" printArea="1" topLeftCell="B76">
      <selection activeCell="I80" sqref="I80"/>
      <pageMargins left="0.19685039370078741" right="0.19685039370078741" top="0.39370078740157483" bottom="0.19685039370078741" header="0" footer="0"/>
      <printOptions horizontalCentered="1"/>
      <pageSetup paperSize="9" scale="42" orientation="portrait" r:id="rId6"/>
    </customSheetView>
  </customSheetViews>
  <mergeCells count="278">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73:C73"/>
    <mergeCell ref="D73:E73"/>
    <mergeCell ref="F73:G73"/>
    <mergeCell ref="I73:J73"/>
    <mergeCell ref="A76:A79"/>
    <mergeCell ref="D76:E76"/>
    <mergeCell ref="F76:F78"/>
    <mergeCell ref="G76:H76"/>
    <mergeCell ref="I76:I78"/>
    <mergeCell ref="J76:J78"/>
    <mergeCell ref="K85:L85"/>
    <mergeCell ref="K86:L86"/>
    <mergeCell ref="K87:L87"/>
    <mergeCell ref="K88:L88"/>
    <mergeCell ref="K89:L89"/>
    <mergeCell ref="K90:L90"/>
    <mergeCell ref="K76:L79"/>
    <mergeCell ref="K80:L80"/>
    <mergeCell ref="K81:L81"/>
    <mergeCell ref="K82:L82"/>
    <mergeCell ref="K83:L83"/>
    <mergeCell ref="K84:L84"/>
  </mergeCells>
  <printOptions horizontalCentered="1"/>
  <pageMargins left="0.19685039370078741" right="0.19685039370078741" top="0.39370078740157483" bottom="0.19685039370078741" header="0" footer="0"/>
  <pageSetup paperSize="9" scale="42" orientation="portrait" r:id="rId7"/>
  <drawing r:id="rId8"/>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tabColor rgb="FF00B050"/>
    <pageSetUpPr fitToPage="1"/>
  </sheetPr>
  <dimension ref="A1:L202"/>
  <sheetViews>
    <sheetView showGridLines="0" zoomScaleNormal="100" workbookViewId="0"/>
  </sheetViews>
  <sheetFormatPr defaultColWidth="9.140625" defaultRowHeight="11.25" customHeight="1" x14ac:dyDescent="0.2"/>
  <cols>
    <col min="1" max="1" width="45.28515625" style="56" customWidth="1"/>
    <col min="2" max="2" width="21.140625" style="45" customWidth="1"/>
    <col min="3" max="3" width="19.7109375" style="45" customWidth="1"/>
    <col min="4" max="4" width="19.28515625" style="45" customWidth="1"/>
    <col min="5" max="5" width="19.7109375" style="45" customWidth="1"/>
    <col min="6" max="6" width="10.5703125" style="45" customWidth="1"/>
    <col min="7" max="7" width="20.140625" style="45" bestFit="1" customWidth="1"/>
    <col min="8" max="8" width="18.7109375" style="45" customWidth="1"/>
    <col min="9" max="9" width="20.140625" style="45" bestFit="1" customWidth="1"/>
    <col min="10" max="10" width="14.85546875" style="45" customWidth="1"/>
    <col min="11" max="11" width="20.5703125" style="45" customWidth="1"/>
    <col min="12" max="12" width="16.42578125" style="45" customWidth="1"/>
    <col min="13" max="16384" width="9.140625" style="188"/>
  </cols>
  <sheetData>
    <row r="1" spans="1:12" s="26" customFormat="1" ht="10.5" x14ac:dyDescent="0.2">
      <c r="A1" s="128"/>
    </row>
    <row r="2" spans="1:12" s="26" customFormat="1" ht="11.25" customHeight="1" x14ac:dyDescent="0.2">
      <c r="A2" s="128"/>
    </row>
    <row r="3" spans="1:12" s="45" customFormat="1" ht="10.5" x14ac:dyDescent="0.2">
      <c r="A3" s="713" t="s">
        <v>637</v>
      </c>
      <c r="B3" s="713"/>
      <c r="C3" s="713"/>
      <c r="D3" s="713"/>
      <c r="E3" s="713"/>
      <c r="F3" s="713"/>
      <c r="G3" s="713"/>
      <c r="H3" s="713"/>
      <c r="I3" s="713"/>
      <c r="J3" s="713"/>
      <c r="K3" s="713"/>
      <c r="L3" s="713"/>
    </row>
    <row r="4" spans="1:12" s="45" customFormat="1" ht="10.5" x14ac:dyDescent="0.2">
      <c r="A4" s="713" t="s">
        <v>104</v>
      </c>
      <c r="B4" s="713"/>
      <c r="C4" s="713"/>
      <c r="D4" s="713"/>
      <c r="E4" s="713"/>
      <c r="F4" s="713"/>
      <c r="G4" s="713"/>
      <c r="H4" s="713"/>
      <c r="I4" s="713"/>
      <c r="J4" s="713"/>
      <c r="K4" s="713"/>
      <c r="L4" s="713"/>
    </row>
    <row r="5" spans="1:12" s="45" customFormat="1" ht="10.5" x14ac:dyDescent="0.2">
      <c r="A5" s="713" t="s">
        <v>167</v>
      </c>
      <c r="B5" s="713"/>
      <c r="C5" s="713"/>
      <c r="D5" s="713"/>
      <c r="E5" s="713"/>
      <c r="F5" s="713"/>
      <c r="G5" s="713"/>
      <c r="H5" s="713"/>
      <c r="I5" s="713"/>
      <c r="J5" s="713"/>
      <c r="K5" s="713"/>
      <c r="L5" s="713"/>
    </row>
    <row r="6" spans="1:12" s="45" customFormat="1" ht="10.5" x14ac:dyDescent="0.2">
      <c r="A6" s="713" t="s">
        <v>106</v>
      </c>
      <c r="B6" s="713"/>
      <c r="C6" s="713"/>
      <c r="D6" s="713"/>
      <c r="E6" s="713"/>
      <c r="F6" s="713"/>
      <c r="G6" s="713"/>
      <c r="H6" s="713"/>
      <c r="I6" s="713"/>
      <c r="J6" s="713"/>
      <c r="K6" s="713"/>
      <c r="L6" s="713"/>
    </row>
    <row r="7" spans="1:12" s="45" customFormat="1" ht="10.5" x14ac:dyDescent="0.2">
      <c r="A7" s="713" t="s">
        <v>888</v>
      </c>
      <c r="B7" s="713"/>
      <c r="C7" s="713"/>
      <c r="D7" s="713"/>
      <c r="E7" s="713"/>
      <c r="F7" s="713"/>
      <c r="G7" s="713"/>
      <c r="H7" s="713"/>
      <c r="I7" s="713"/>
      <c r="J7" s="713"/>
      <c r="K7" s="713"/>
      <c r="L7" s="713"/>
    </row>
    <row r="8" spans="1:12" s="26" customFormat="1" ht="10.5" x14ac:dyDescent="0.2">
      <c r="A8" s="31"/>
      <c r="B8" s="46"/>
      <c r="C8" s="46"/>
      <c r="D8" s="46"/>
      <c r="E8" s="46"/>
      <c r="F8" s="46"/>
      <c r="G8" s="46"/>
      <c r="H8" s="46"/>
      <c r="I8" s="46"/>
      <c r="J8" s="46"/>
      <c r="K8" s="46"/>
      <c r="L8" s="46"/>
    </row>
    <row r="9" spans="1:12" s="26" customFormat="1" ht="10.5" x14ac:dyDescent="0.2">
      <c r="A9" s="112" t="s">
        <v>362</v>
      </c>
      <c r="B9" s="112"/>
      <c r="L9" s="615">
        <v>1</v>
      </c>
    </row>
    <row r="10" spans="1:12" ht="20.100000000000001" customHeight="1" x14ac:dyDescent="0.2">
      <c r="A10" s="109"/>
      <c r="B10" s="184" t="s">
        <v>156</v>
      </c>
      <c r="C10" s="184" t="s">
        <v>156</v>
      </c>
      <c r="D10" s="722" t="s">
        <v>157</v>
      </c>
      <c r="E10" s="723"/>
      <c r="F10" s="724"/>
      <c r="G10" s="748" t="s">
        <v>160</v>
      </c>
      <c r="H10" s="772" t="s">
        <v>158</v>
      </c>
      <c r="I10" s="773"/>
      <c r="J10" s="774"/>
      <c r="K10" s="748" t="s">
        <v>160</v>
      </c>
      <c r="L10" s="753" t="s">
        <v>730</v>
      </c>
    </row>
    <row r="11" spans="1:12" ht="20.100000000000001" customHeight="1" x14ac:dyDescent="0.15">
      <c r="A11" s="440" t="s">
        <v>168</v>
      </c>
      <c r="B11" s="186" t="s">
        <v>110</v>
      </c>
      <c r="C11" s="186" t="s">
        <v>111</v>
      </c>
      <c r="D11" s="775" t="s">
        <v>112</v>
      </c>
      <c r="E11" s="200" t="s">
        <v>114</v>
      </c>
      <c r="F11" s="200" t="s">
        <v>113</v>
      </c>
      <c r="G11" s="749"/>
      <c r="H11" s="775" t="s">
        <v>112</v>
      </c>
      <c r="I11" s="200" t="s">
        <v>114</v>
      </c>
      <c r="J11" s="200" t="s">
        <v>113</v>
      </c>
      <c r="K11" s="749"/>
      <c r="L11" s="755"/>
    </row>
    <row r="12" spans="1:12" s="19" customFormat="1" ht="20.100000000000001" customHeight="1" x14ac:dyDescent="0.2">
      <c r="A12" s="49"/>
      <c r="B12" s="110"/>
      <c r="C12" s="397" t="s">
        <v>115</v>
      </c>
      <c r="D12" s="776"/>
      <c r="E12" s="397" t="s">
        <v>116</v>
      </c>
      <c r="F12" s="397" t="s">
        <v>59</v>
      </c>
      <c r="G12" s="398" t="s">
        <v>278</v>
      </c>
      <c r="H12" s="776"/>
      <c r="I12" s="397" t="s">
        <v>161</v>
      </c>
      <c r="J12" s="397" t="s">
        <v>541</v>
      </c>
      <c r="K12" s="398" t="s">
        <v>540</v>
      </c>
      <c r="L12" s="757"/>
    </row>
    <row r="13" spans="1:12" s="19" customFormat="1" ht="15" customHeight="1" x14ac:dyDescent="0.2">
      <c r="A13" s="142" t="s">
        <v>219</v>
      </c>
      <c r="B13" s="419">
        <v>12932585500</v>
      </c>
      <c r="C13" s="419">
        <v>13325520224.82</v>
      </c>
      <c r="D13" s="419">
        <v>1603782167.1399994</v>
      </c>
      <c r="E13" s="419">
        <v>9724493575.6299992</v>
      </c>
      <c r="F13" s="419">
        <v>90.041109815261365</v>
      </c>
      <c r="G13" s="419">
        <v>3601026649.190001</v>
      </c>
      <c r="H13" s="419">
        <v>1783287830.4000001</v>
      </c>
      <c r="I13" s="419">
        <v>5301087907.0399933</v>
      </c>
      <c r="J13" s="419">
        <v>90.356471373805562</v>
      </c>
      <c r="K13" s="419">
        <v>8024432317.7800055</v>
      </c>
      <c r="L13" s="420">
        <v>0</v>
      </c>
    </row>
    <row r="14" spans="1:12" s="19" customFormat="1" ht="10.5" x14ac:dyDescent="0.2">
      <c r="A14" s="142"/>
      <c r="B14" s="421"/>
      <c r="C14" s="421"/>
      <c r="D14" s="488"/>
      <c r="E14" s="488"/>
      <c r="F14" s="494"/>
      <c r="G14" s="488"/>
      <c r="H14" s="488"/>
      <c r="I14" s="488"/>
      <c r="J14" s="485"/>
      <c r="K14" s="494"/>
      <c r="L14" s="485"/>
    </row>
    <row r="15" spans="1:12" s="185" customFormat="1" ht="10.5" x14ac:dyDescent="0.2">
      <c r="A15" s="142" t="s">
        <v>638</v>
      </c>
      <c r="B15" s="419">
        <v>363933000</v>
      </c>
      <c r="C15" s="419">
        <v>365493000</v>
      </c>
      <c r="D15" s="419">
        <v>44743615.270000041</v>
      </c>
      <c r="E15" s="419">
        <v>227308268.5</v>
      </c>
      <c r="F15" s="419">
        <v>2.1046945639633949</v>
      </c>
      <c r="G15" s="419">
        <v>138184731.5</v>
      </c>
      <c r="H15" s="419">
        <v>59077750.510000013</v>
      </c>
      <c r="I15" s="419">
        <v>165787527.98999995</v>
      </c>
      <c r="J15" s="419">
        <v>2.8258305256678709</v>
      </c>
      <c r="K15" s="419">
        <v>199705472.01000005</v>
      </c>
      <c r="L15" s="420">
        <v>0</v>
      </c>
    </row>
    <row r="16" spans="1:12" s="264" customFormat="1" ht="10.5" customHeight="1" x14ac:dyDescent="0.2">
      <c r="A16" s="442" t="s">
        <v>639</v>
      </c>
      <c r="B16" s="430">
        <v>206657000</v>
      </c>
      <c r="C16" s="421">
        <v>206657000</v>
      </c>
      <c r="D16" s="421">
        <v>34700111.970000036</v>
      </c>
      <c r="E16" s="421">
        <v>96884197.85999994</v>
      </c>
      <c r="F16" s="421">
        <v>0.89707095089634137</v>
      </c>
      <c r="G16" s="421">
        <v>109772802.14000006</v>
      </c>
      <c r="H16" s="421">
        <v>28799476.040000014</v>
      </c>
      <c r="I16" s="421">
        <v>86779677.129999951</v>
      </c>
      <c r="J16" s="421">
        <v>1.4791502329194959</v>
      </c>
      <c r="K16" s="421">
        <v>119877322.87000005</v>
      </c>
      <c r="L16" s="422">
        <v>0</v>
      </c>
    </row>
    <row r="17" spans="1:12" s="264" customFormat="1" ht="10.5" customHeight="1" x14ac:dyDescent="0.2">
      <c r="A17" s="442" t="s">
        <v>640</v>
      </c>
      <c r="B17" s="430">
        <v>157276000</v>
      </c>
      <c r="C17" s="421">
        <v>158836000</v>
      </c>
      <c r="D17" s="421">
        <v>10043503.300000001</v>
      </c>
      <c r="E17" s="421">
        <v>130424070.64000006</v>
      </c>
      <c r="F17" s="421">
        <v>1.2076236130670537</v>
      </c>
      <c r="G17" s="421">
        <v>28411929.35999994</v>
      </c>
      <c r="H17" s="421">
        <v>30278274.469999999</v>
      </c>
      <c r="I17" s="421">
        <v>79007850.860000014</v>
      </c>
      <c r="J17" s="421">
        <v>1.3466802927483752</v>
      </c>
      <c r="K17" s="421">
        <v>79828149.139999986</v>
      </c>
      <c r="L17" s="422">
        <v>0</v>
      </c>
    </row>
    <row r="18" spans="1:12" ht="10.5" x14ac:dyDescent="0.2">
      <c r="A18" s="442"/>
      <c r="B18" s="430"/>
      <c r="C18" s="419"/>
      <c r="D18" s="419"/>
      <c r="E18" s="419"/>
      <c r="F18" s="419"/>
      <c r="G18" s="419"/>
      <c r="H18" s="419"/>
      <c r="I18" s="419"/>
      <c r="J18" s="419"/>
      <c r="K18" s="419"/>
      <c r="L18" s="420"/>
    </row>
    <row r="19" spans="1:12" s="66" customFormat="1" ht="10.5" x14ac:dyDescent="0.2">
      <c r="A19" s="142" t="s">
        <v>641</v>
      </c>
      <c r="B19" s="419">
        <v>633355000</v>
      </c>
      <c r="C19" s="419">
        <v>707450100</v>
      </c>
      <c r="D19" s="419">
        <v>36292936.60999997</v>
      </c>
      <c r="E19" s="419">
        <v>648880177.26000047</v>
      </c>
      <c r="F19" s="419">
        <v>6.0081166019824179</v>
      </c>
      <c r="G19" s="419">
        <v>58569922.739999533</v>
      </c>
      <c r="H19" s="419">
        <v>153138552.20999974</v>
      </c>
      <c r="I19" s="419">
        <v>395858997.86999941</v>
      </c>
      <c r="J19" s="419">
        <v>6.7473739044399714</v>
      </c>
      <c r="K19" s="419">
        <v>311591102.13000059</v>
      </c>
      <c r="L19" s="420">
        <v>0</v>
      </c>
    </row>
    <row r="20" spans="1:12" s="264" customFormat="1" ht="10.5" x14ac:dyDescent="0.2">
      <c r="A20" s="442" t="s">
        <v>642</v>
      </c>
      <c r="B20" s="421">
        <v>633355000</v>
      </c>
      <c r="C20" s="421">
        <v>707450100</v>
      </c>
      <c r="D20" s="421">
        <v>36292936.60999997</v>
      </c>
      <c r="E20" s="421">
        <v>648880177.26000047</v>
      </c>
      <c r="F20" s="421">
        <v>6.0081166019824179</v>
      </c>
      <c r="G20" s="421">
        <v>58569922.739999533</v>
      </c>
      <c r="H20" s="421">
        <v>153138552.20999974</v>
      </c>
      <c r="I20" s="421">
        <v>395858997.86999941</v>
      </c>
      <c r="J20" s="421">
        <v>6.7473739044399714</v>
      </c>
      <c r="K20" s="421">
        <v>311591102.13000059</v>
      </c>
      <c r="L20" s="422">
        <v>0</v>
      </c>
    </row>
    <row r="21" spans="1:12" s="264" customFormat="1" ht="10.5" x14ac:dyDescent="0.2">
      <c r="A21" s="442" t="s">
        <v>650</v>
      </c>
      <c r="B21" s="421">
        <v>0</v>
      </c>
      <c r="C21" s="421">
        <v>0</v>
      </c>
      <c r="D21" s="421">
        <v>0</v>
      </c>
      <c r="E21" s="421">
        <v>0</v>
      </c>
      <c r="F21" s="421">
        <v>0</v>
      </c>
      <c r="G21" s="421">
        <v>0</v>
      </c>
      <c r="H21" s="421">
        <v>0</v>
      </c>
      <c r="I21" s="421">
        <v>0</v>
      </c>
      <c r="J21" s="421">
        <v>0</v>
      </c>
      <c r="K21" s="421">
        <v>0</v>
      </c>
      <c r="L21" s="422">
        <v>0</v>
      </c>
    </row>
    <row r="22" spans="1:12" s="264" customFormat="1" ht="10.5" x14ac:dyDescent="0.2">
      <c r="A22" s="442" t="s">
        <v>798</v>
      </c>
      <c r="B22" s="421">
        <v>0</v>
      </c>
      <c r="C22" s="421">
        <v>0</v>
      </c>
      <c r="D22" s="421">
        <v>0</v>
      </c>
      <c r="E22" s="421">
        <v>0</v>
      </c>
      <c r="F22" s="421">
        <v>0</v>
      </c>
      <c r="G22" s="421">
        <v>0</v>
      </c>
      <c r="H22" s="421">
        <v>0</v>
      </c>
      <c r="I22" s="421">
        <v>0</v>
      </c>
      <c r="J22" s="421">
        <v>0</v>
      </c>
      <c r="K22" s="421">
        <v>0</v>
      </c>
      <c r="L22" s="422">
        <v>0</v>
      </c>
    </row>
    <row r="23" spans="1:12" s="264" customFormat="1" ht="10.5" x14ac:dyDescent="0.2">
      <c r="A23" s="442" t="s">
        <v>740</v>
      </c>
      <c r="B23" s="421">
        <v>0</v>
      </c>
      <c r="C23" s="421">
        <v>0</v>
      </c>
      <c r="D23" s="421">
        <v>0</v>
      </c>
      <c r="E23" s="421">
        <v>0</v>
      </c>
      <c r="F23" s="421">
        <v>0</v>
      </c>
      <c r="G23" s="421">
        <v>0</v>
      </c>
      <c r="H23" s="421">
        <v>0</v>
      </c>
      <c r="I23" s="421">
        <v>0</v>
      </c>
      <c r="J23" s="421">
        <v>0</v>
      </c>
      <c r="K23" s="421">
        <v>0</v>
      </c>
      <c r="L23" s="422">
        <v>0</v>
      </c>
    </row>
    <row r="24" spans="1:12" ht="10.5" x14ac:dyDescent="0.2">
      <c r="A24" s="442"/>
      <c r="B24" s="421"/>
      <c r="C24" s="419"/>
      <c r="D24" s="419"/>
      <c r="E24" s="419"/>
      <c r="F24" s="419"/>
      <c r="G24" s="419"/>
      <c r="H24" s="419"/>
      <c r="I24" s="419"/>
      <c r="J24" s="419"/>
      <c r="K24" s="419"/>
      <c r="L24" s="420"/>
    </row>
    <row r="25" spans="1:12" s="66" customFormat="1" ht="10.5" x14ac:dyDescent="0.2">
      <c r="A25" s="160" t="s">
        <v>741</v>
      </c>
      <c r="B25" s="419">
        <v>513600900</v>
      </c>
      <c r="C25" s="419">
        <v>521520371.37</v>
      </c>
      <c r="D25" s="419">
        <v>73418971.370000005</v>
      </c>
      <c r="E25" s="419">
        <v>260152523.88000008</v>
      </c>
      <c r="F25" s="419">
        <v>2.4088063598601277</v>
      </c>
      <c r="G25" s="419">
        <v>261367847.48999992</v>
      </c>
      <c r="H25" s="419">
        <v>73475270.969999939</v>
      </c>
      <c r="I25" s="419">
        <v>208386154.80000004</v>
      </c>
      <c r="J25" s="419">
        <v>3.5519195231375296</v>
      </c>
      <c r="K25" s="419">
        <v>313134216.56999999</v>
      </c>
      <c r="L25" s="420">
        <v>0</v>
      </c>
    </row>
    <row r="26" spans="1:12" s="66" customFormat="1" ht="10.5" x14ac:dyDescent="0.2">
      <c r="A26" s="442" t="s">
        <v>642</v>
      </c>
      <c r="B26" s="421">
        <v>0</v>
      </c>
      <c r="C26" s="421">
        <v>0</v>
      </c>
      <c r="D26" s="421">
        <v>0</v>
      </c>
      <c r="E26" s="421">
        <v>0</v>
      </c>
      <c r="F26" s="488">
        <v>0</v>
      </c>
      <c r="G26" s="421">
        <v>0</v>
      </c>
      <c r="H26" s="421">
        <v>0</v>
      </c>
      <c r="I26" s="421">
        <v>0</v>
      </c>
      <c r="J26" s="488">
        <v>0</v>
      </c>
      <c r="K26" s="421">
        <v>0</v>
      </c>
      <c r="L26" s="422">
        <v>0</v>
      </c>
    </row>
    <row r="27" spans="1:12" s="264" customFormat="1" ht="10.5" x14ac:dyDescent="0.2">
      <c r="A27" s="442" t="s">
        <v>643</v>
      </c>
      <c r="B27" s="495">
        <v>331019000</v>
      </c>
      <c r="C27" s="421">
        <v>331049000</v>
      </c>
      <c r="D27" s="421">
        <v>50554911.089999989</v>
      </c>
      <c r="E27" s="421">
        <v>153825889.16000009</v>
      </c>
      <c r="F27" s="421">
        <v>1.424305920978356</v>
      </c>
      <c r="G27" s="421">
        <v>177223110.83999991</v>
      </c>
      <c r="H27" s="421">
        <v>43859498.739999935</v>
      </c>
      <c r="I27" s="421">
        <v>122302624.07000001</v>
      </c>
      <c r="J27" s="421">
        <v>2.0846350304899572</v>
      </c>
      <c r="K27" s="421">
        <v>208746375.93000001</v>
      </c>
      <c r="L27" s="422">
        <v>0</v>
      </c>
    </row>
    <row r="28" spans="1:12" s="264" customFormat="1" ht="10.5" x14ac:dyDescent="0.2">
      <c r="A28" s="442" t="s">
        <v>644</v>
      </c>
      <c r="B28" s="421">
        <v>43032000</v>
      </c>
      <c r="C28" s="421">
        <v>44363200</v>
      </c>
      <c r="D28" s="421">
        <v>2814944.5600000005</v>
      </c>
      <c r="E28" s="421">
        <v>34476094.499999993</v>
      </c>
      <c r="F28" s="421">
        <v>0.3192213339165807</v>
      </c>
      <c r="G28" s="421">
        <v>9887105.5000000075</v>
      </c>
      <c r="H28" s="421">
        <v>7510748.2999999998</v>
      </c>
      <c r="I28" s="421">
        <v>23343811.210000012</v>
      </c>
      <c r="J28" s="421">
        <v>0.39789274321422308</v>
      </c>
      <c r="K28" s="421">
        <v>21019388.789999988</v>
      </c>
      <c r="L28" s="422">
        <v>0</v>
      </c>
    </row>
    <row r="29" spans="1:12" s="264" customFormat="1" ht="10.5" x14ac:dyDescent="0.2">
      <c r="A29" s="442" t="s">
        <v>647</v>
      </c>
      <c r="B29" s="421">
        <v>345660</v>
      </c>
      <c r="C29" s="421">
        <v>430660</v>
      </c>
      <c r="D29" s="421">
        <v>20166</v>
      </c>
      <c r="E29" s="421">
        <v>248369.82000000004</v>
      </c>
      <c r="F29" s="421">
        <v>2.2997078524953306E-3</v>
      </c>
      <c r="G29" s="421">
        <v>182290.17999999996</v>
      </c>
      <c r="H29" s="421">
        <v>36870.199999999997</v>
      </c>
      <c r="I29" s="421">
        <v>68183.100000000006</v>
      </c>
      <c r="J29" s="421">
        <v>1.1621735823595055E-3</v>
      </c>
      <c r="K29" s="421">
        <v>362476.9</v>
      </c>
      <c r="L29" s="422">
        <v>0</v>
      </c>
    </row>
    <row r="30" spans="1:12" s="264" customFormat="1" ht="10.5" x14ac:dyDescent="0.2">
      <c r="A30" s="442" t="s">
        <v>651</v>
      </c>
      <c r="B30" s="421">
        <v>21167340</v>
      </c>
      <c r="C30" s="421">
        <v>22667340</v>
      </c>
      <c r="D30" s="421">
        <v>2079767.3499999982</v>
      </c>
      <c r="E30" s="421">
        <v>16988062.770000014</v>
      </c>
      <c r="F30" s="421">
        <v>0.15729600863282261</v>
      </c>
      <c r="G30" s="421">
        <v>5679277.2299999855</v>
      </c>
      <c r="H30" s="421">
        <v>4063440.2899999982</v>
      </c>
      <c r="I30" s="421">
        <v>8255320.2399999984</v>
      </c>
      <c r="J30" s="421">
        <v>0.14071104271946758</v>
      </c>
      <c r="K30" s="421">
        <v>14412019.760000002</v>
      </c>
      <c r="L30" s="422">
        <v>0</v>
      </c>
    </row>
    <row r="31" spans="1:12" s="264" customFormat="1" ht="10.5" x14ac:dyDescent="0.2">
      <c r="A31" s="442" t="s">
        <v>682</v>
      </c>
      <c r="B31" s="421">
        <v>118036900</v>
      </c>
      <c r="C31" s="421">
        <v>123010171.37</v>
      </c>
      <c r="D31" s="421">
        <v>17949182.370000005</v>
      </c>
      <c r="E31" s="421">
        <v>54614107.629999995</v>
      </c>
      <c r="F31" s="421">
        <v>0.50568338847987293</v>
      </c>
      <c r="G31" s="421">
        <v>68396063.74000001</v>
      </c>
      <c r="H31" s="421">
        <v>18004713.440000005</v>
      </c>
      <c r="I31" s="421">
        <v>54416216.180000007</v>
      </c>
      <c r="J31" s="421">
        <v>0.92751853313152222</v>
      </c>
      <c r="K31" s="421">
        <v>68593955.189999998</v>
      </c>
      <c r="L31" s="422">
        <v>0</v>
      </c>
    </row>
    <row r="32" spans="1:12" s="264" customFormat="1" ht="10.5" x14ac:dyDescent="0.2">
      <c r="A32" s="442"/>
      <c r="B32" s="421"/>
      <c r="C32" s="421"/>
      <c r="D32" s="421"/>
      <c r="E32" s="421"/>
      <c r="F32" s="421"/>
      <c r="G32" s="421"/>
      <c r="H32" s="421"/>
      <c r="I32" s="421"/>
      <c r="J32" s="421"/>
      <c r="K32" s="421"/>
      <c r="L32" s="422"/>
    </row>
    <row r="33" spans="1:12" s="66" customFormat="1" ht="10.5" x14ac:dyDescent="0.2">
      <c r="A33" s="142" t="s">
        <v>645</v>
      </c>
      <c r="B33" s="419">
        <v>703389900</v>
      </c>
      <c r="C33" s="419">
        <v>864941244.06999993</v>
      </c>
      <c r="D33" s="419">
        <v>138339137.61000001</v>
      </c>
      <c r="E33" s="419">
        <v>716023211.77000022</v>
      </c>
      <c r="F33" s="419">
        <v>6.6298079318831737</v>
      </c>
      <c r="G33" s="419">
        <v>148918032.29999986</v>
      </c>
      <c r="H33" s="419">
        <v>117168684.56000002</v>
      </c>
      <c r="I33" s="419">
        <v>361313040.54000014</v>
      </c>
      <c r="J33" s="419">
        <v>6.1585417893521583</v>
      </c>
      <c r="K33" s="419">
        <v>503628203.52999985</v>
      </c>
      <c r="L33" s="420">
        <v>0</v>
      </c>
    </row>
    <row r="34" spans="1:12" s="264" customFormat="1" ht="10.5" x14ac:dyDescent="0.2">
      <c r="A34" s="442" t="s">
        <v>646</v>
      </c>
      <c r="B34" s="421">
        <v>0</v>
      </c>
      <c r="C34" s="421">
        <v>0</v>
      </c>
      <c r="D34" s="421">
        <v>0</v>
      </c>
      <c r="E34" s="421">
        <v>0</v>
      </c>
      <c r="F34" s="421">
        <v>0</v>
      </c>
      <c r="G34" s="421">
        <v>0</v>
      </c>
      <c r="H34" s="421">
        <v>0</v>
      </c>
      <c r="I34" s="421">
        <v>0</v>
      </c>
      <c r="J34" s="421">
        <v>0</v>
      </c>
      <c r="K34" s="421">
        <v>0</v>
      </c>
      <c r="L34" s="422">
        <v>0</v>
      </c>
    </row>
    <row r="35" spans="1:12" s="264" customFormat="1" ht="10.5" x14ac:dyDescent="0.2">
      <c r="A35" s="442" t="s">
        <v>647</v>
      </c>
      <c r="B35" s="421">
        <v>262769900</v>
      </c>
      <c r="C35" s="421">
        <v>279034426.06999999</v>
      </c>
      <c r="D35" s="421">
        <v>34605003.26000002</v>
      </c>
      <c r="E35" s="421">
        <v>167626756.45999998</v>
      </c>
      <c r="F35" s="421">
        <v>1.5520910234560072</v>
      </c>
      <c r="G35" s="421">
        <v>111407669.61000001</v>
      </c>
      <c r="H35" s="421">
        <v>36818620.950000003</v>
      </c>
      <c r="I35" s="421">
        <v>93806146.120000169</v>
      </c>
      <c r="J35" s="421">
        <v>1.5989156386790833</v>
      </c>
      <c r="K35" s="421">
        <v>185228279.94999981</v>
      </c>
      <c r="L35" s="422">
        <v>0</v>
      </c>
    </row>
    <row r="36" spans="1:12" s="264" customFormat="1" ht="10.5" x14ac:dyDescent="0.2">
      <c r="A36" s="442" t="s">
        <v>648</v>
      </c>
      <c r="B36" s="421">
        <v>433564000</v>
      </c>
      <c r="C36" s="421">
        <v>578823568</v>
      </c>
      <c r="D36" s="421">
        <v>103718586.29999997</v>
      </c>
      <c r="E36" s="421">
        <v>548351647.59000015</v>
      </c>
      <c r="F36" s="421">
        <v>5.0773020244225942</v>
      </c>
      <c r="G36" s="421">
        <v>30471920.409999847</v>
      </c>
      <c r="H36" s="421">
        <v>80341602.560000017</v>
      </c>
      <c r="I36" s="421">
        <v>267474382.69999996</v>
      </c>
      <c r="J36" s="421">
        <v>4.5590719919137772</v>
      </c>
      <c r="K36" s="421">
        <v>311349185.30000007</v>
      </c>
      <c r="L36" s="422">
        <v>0</v>
      </c>
    </row>
    <row r="37" spans="1:12" s="264" customFormat="1" ht="10.5" x14ac:dyDescent="0.2">
      <c r="A37" s="442" t="s">
        <v>649</v>
      </c>
      <c r="B37" s="421">
        <v>7000000</v>
      </c>
      <c r="C37" s="421">
        <v>7000000</v>
      </c>
      <c r="D37" s="421">
        <v>0</v>
      </c>
      <c r="E37" s="421">
        <v>0</v>
      </c>
      <c r="F37" s="421">
        <v>0</v>
      </c>
      <c r="G37" s="421">
        <v>7000000</v>
      </c>
      <c r="H37" s="421">
        <v>0</v>
      </c>
      <c r="I37" s="421">
        <v>0</v>
      </c>
      <c r="J37" s="421">
        <v>0</v>
      </c>
      <c r="K37" s="421">
        <v>7000000</v>
      </c>
      <c r="L37" s="422">
        <v>0</v>
      </c>
    </row>
    <row r="38" spans="1:12" s="264" customFormat="1" ht="10.5" x14ac:dyDescent="0.2">
      <c r="A38" s="442" t="s">
        <v>650</v>
      </c>
      <c r="B38" s="421">
        <v>0</v>
      </c>
      <c r="C38" s="421">
        <v>0</v>
      </c>
      <c r="D38" s="421">
        <v>0</v>
      </c>
      <c r="E38" s="421">
        <v>0</v>
      </c>
      <c r="F38" s="421">
        <v>0</v>
      </c>
      <c r="G38" s="421">
        <v>0</v>
      </c>
      <c r="H38" s="421">
        <v>0</v>
      </c>
      <c r="I38" s="421">
        <v>0</v>
      </c>
      <c r="J38" s="421">
        <v>0</v>
      </c>
      <c r="K38" s="421">
        <v>0</v>
      </c>
      <c r="L38" s="422">
        <v>0</v>
      </c>
    </row>
    <row r="39" spans="1:12" s="264" customFormat="1" ht="10.5" x14ac:dyDescent="0.2">
      <c r="A39" s="442" t="s">
        <v>742</v>
      </c>
      <c r="B39" s="421">
        <v>56000</v>
      </c>
      <c r="C39" s="421">
        <v>83250</v>
      </c>
      <c r="D39" s="421">
        <v>15548.05</v>
      </c>
      <c r="E39" s="421">
        <v>44807.72</v>
      </c>
      <c r="F39" s="421">
        <v>4.1488400457194056E-4</v>
      </c>
      <c r="G39" s="421">
        <v>38442.28</v>
      </c>
      <c r="H39" s="421">
        <v>8461.0499999999993</v>
      </c>
      <c r="I39" s="421">
        <v>32511.72</v>
      </c>
      <c r="J39" s="421">
        <v>5.5415875929767315E-4</v>
      </c>
      <c r="K39" s="421">
        <v>50738.28</v>
      </c>
      <c r="L39" s="422">
        <v>0</v>
      </c>
    </row>
    <row r="40" spans="1:12" ht="10.5" x14ac:dyDescent="0.2">
      <c r="A40" s="442"/>
      <c r="B40" s="421"/>
      <c r="C40" s="419"/>
      <c r="D40" s="419"/>
      <c r="E40" s="419"/>
      <c r="F40" s="419"/>
      <c r="G40" s="419"/>
      <c r="H40" s="419"/>
      <c r="I40" s="419"/>
      <c r="J40" s="419"/>
      <c r="K40" s="419"/>
      <c r="L40" s="420"/>
    </row>
    <row r="41" spans="1:12" s="66" customFormat="1" ht="10.5" x14ac:dyDescent="0.2">
      <c r="A41" s="142" t="s">
        <v>654</v>
      </c>
      <c r="B41" s="419">
        <v>1283211700</v>
      </c>
      <c r="C41" s="419">
        <v>1533063943.3300002</v>
      </c>
      <c r="D41" s="419">
        <v>53169414.099999167</v>
      </c>
      <c r="E41" s="419">
        <v>1314555209.3100021</v>
      </c>
      <c r="F41" s="419">
        <v>12.171740259701659</v>
      </c>
      <c r="G41" s="419">
        <v>218508734.0199981</v>
      </c>
      <c r="H41" s="419">
        <v>204337698.45000023</v>
      </c>
      <c r="I41" s="419">
        <v>617298001.30999565</v>
      </c>
      <c r="J41" s="419">
        <v>10.521777824208641</v>
      </c>
      <c r="K41" s="419">
        <v>915765942.02000451</v>
      </c>
      <c r="L41" s="420">
        <v>0</v>
      </c>
    </row>
    <row r="42" spans="1:12" s="264" customFormat="1" ht="10.5" x14ac:dyDescent="0.2">
      <c r="A42" s="442" t="s">
        <v>655</v>
      </c>
      <c r="B42" s="421">
        <v>1281051700</v>
      </c>
      <c r="C42" s="421">
        <v>1526903943.3300002</v>
      </c>
      <c r="D42" s="421">
        <v>51920811.969999164</v>
      </c>
      <c r="E42" s="421">
        <v>1312654738.5800021</v>
      </c>
      <c r="F42" s="421">
        <v>12.154143405698951</v>
      </c>
      <c r="G42" s="421">
        <v>214249204.74999809</v>
      </c>
      <c r="H42" s="421">
        <v>203984826.64000022</v>
      </c>
      <c r="I42" s="421">
        <v>616897650.51999569</v>
      </c>
      <c r="J42" s="421">
        <v>10.514953888192023</v>
      </c>
      <c r="K42" s="421">
        <v>910006292.81000447</v>
      </c>
      <c r="L42" s="422">
        <v>0</v>
      </c>
    </row>
    <row r="43" spans="1:12" s="264" customFormat="1" ht="10.5" x14ac:dyDescent="0.2">
      <c r="A43" s="442" t="s">
        <v>656</v>
      </c>
      <c r="B43" s="421">
        <v>2160000</v>
      </c>
      <c r="C43" s="421">
        <v>6160000</v>
      </c>
      <c r="D43" s="421">
        <v>1248602.1299999999</v>
      </c>
      <c r="E43" s="421">
        <v>1900470.7300000002</v>
      </c>
      <c r="F43" s="421">
        <v>1.759685400270666E-2</v>
      </c>
      <c r="G43" s="421">
        <v>4259529.2699999996</v>
      </c>
      <c r="H43" s="421">
        <v>352871.80999999988</v>
      </c>
      <c r="I43" s="421">
        <v>400350.78999999986</v>
      </c>
      <c r="J43" s="421">
        <v>6.8239360166193362E-3</v>
      </c>
      <c r="K43" s="421">
        <v>5759649.21</v>
      </c>
      <c r="L43" s="422">
        <v>0</v>
      </c>
    </row>
    <row r="44" spans="1:12" s="264" customFormat="1" ht="10.5" x14ac:dyDescent="0.2">
      <c r="A44" s="442" t="s">
        <v>681</v>
      </c>
      <c r="B44" s="421">
        <v>0</v>
      </c>
      <c r="C44" s="421">
        <v>0</v>
      </c>
      <c r="D44" s="421">
        <v>0</v>
      </c>
      <c r="E44" s="421">
        <v>0</v>
      </c>
      <c r="F44" s="421">
        <v>0</v>
      </c>
      <c r="G44" s="421">
        <v>0</v>
      </c>
      <c r="H44" s="421">
        <v>0</v>
      </c>
      <c r="I44" s="421">
        <v>0</v>
      </c>
      <c r="J44" s="421">
        <v>0</v>
      </c>
      <c r="K44" s="421">
        <v>0</v>
      </c>
      <c r="L44" s="422">
        <v>0</v>
      </c>
    </row>
    <row r="45" spans="1:12" ht="10.5" x14ac:dyDescent="0.2">
      <c r="A45" s="442"/>
      <c r="B45" s="421"/>
      <c r="C45" s="419"/>
      <c r="D45" s="419"/>
      <c r="E45" s="419"/>
      <c r="F45" s="419"/>
      <c r="G45" s="419"/>
      <c r="H45" s="419"/>
      <c r="I45" s="419"/>
      <c r="J45" s="419"/>
      <c r="K45" s="419"/>
      <c r="L45" s="420"/>
    </row>
    <row r="46" spans="1:12" s="66" customFormat="1" ht="10.5" x14ac:dyDescent="0.2">
      <c r="A46" s="142" t="s">
        <v>657</v>
      </c>
      <c r="B46" s="419">
        <v>200530900</v>
      </c>
      <c r="C46" s="419">
        <v>200090500</v>
      </c>
      <c r="D46" s="419">
        <v>24902905.719999954</v>
      </c>
      <c r="E46" s="419">
        <v>93773173.060000002</v>
      </c>
      <c r="F46" s="419">
        <v>0.86826532482684715</v>
      </c>
      <c r="G46" s="419">
        <v>106317326.94</v>
      </c>
      <c r="H46" s="419">
        <v>27595820.890000001</v>
      </c>
      <c r="I46" s="419">
        <v>79267543.990000099</v>
      </c>
      <c r="J46" s="419">
        <v>1.3511067341276373</v>
      </c>
      <c r="K46" s="419">
        <v>120822956.0099999</v>
      </c>
      <c r="L46" s="420">
        <v>0</v>
      </c>
    </row>
    <row r="47" spans="1:12" s="264" customFormat="1" ht="10.5" x14ac:dyDescent="0.2">
      <c r="A47" s="442" t="s">
        <v>743</v>
      </c>
      <c r="B47" s="421">
        <v>310000</v>
      </c>
      <c r="C47" s="421">
        <v>310000</v>
      </c>
      <c r="D47" s="421">
        <v>-801.55999999999949</v>
      </c>
      <c r="E47" s="421">
        <v>5015.119999999999</v>
      </c>
      <c r="F47" s="421">
        <v>4.643603979423256E-5</v>
      </c>
      <c r="G47" s="421">
        <v>304984.88</v>
      </c>
      <c r="H47" s="421">
        <v>1698.44</v>
      </c>
      <c r="I47" s="421">
        <v>4720.4699999999993</v>
      </c>
      <c r="J47" s="421">
        <v>8.0459901798547929E-5</v>
      </c>
      <c r="K47" s="421">
        <v>305279.53000000003</v>
      </c>
      <c r="L47" s="422">
        <v>0</v>
      </c>
    </row>
    <row r="48" spans="1:12" s="264" customFormat="1" ht="10.5" x14ac:dyDescent="0.2">
      <c r="A48" s="442" t="s">
        <v>658</v>
      </c>
      <c r="B48" s="421">
        <v>200093600</v>
      </c>
      <c r="C48" s="421">
        <v>199653200</v>
      </c>
      <c r="D48" s="421">
        <v>24903707.279999953</v>
      </c>
      <c r="E48" s="421">
        <v>93768157.939999998</v>
      </c>
      <c r="F48" s="421">
        <v>0.86821888878705289</v>
      </c>
      <c r="G48" s="421">
        <v>105885042.06</v>
      </c>
      <c r="H48" s="421">
        <v>27594122.449999999</v>
      </c>
      <c r="I48" s="421">
        <v>79262823.5200001</v>
      </c>
      <c r="J48" s="421">
        <v>1.3510262742258388</v>
      </c>
      <c r="K48" s="421">
        <v>120390376.4799999</v>
      </c>
      <c r="L48" s="422">
        <v>0</v>
      </c>
    </row>
    <row r="49" spans="1:12" s="264" customFormat="1" ht="10.5" x14ac:dyDescent="0.2">
      <c r="A49" s="442" t="s">
        <v>683</v>
      </c>
      <c r="B49" s="421">
        <v>0</v>
      </c>
      <c r="C49" s="421">
        <v>0</v>
      </c>
      <c r="D49" s="421">
        <v>0</v>
      </c>
      <c r="E49" s="421">
        <v>0</v>
      </c>
      <c r="F49" s="421">
        <v>0</v>
      </c>
      <c r="G49" s="421">
        <v>0</v>
      </c>
      <c r="H49" s="421">
        <v>0</v>
      </c>
      <c r="I49" s="421">
        <v>0</v>
      </c>
      <c r="J49" s="421">
        <v>0</v>
      </c>
      <c r="K49" s="421">
        <v>0</v>
      </c>
      <c r="L49" s="422">
        <v>0</v>
      </c>
    </row>
    <row r="50" spans="1:12" s="264" customFormat="1" ht="10.5" x14ac:dyDescent="0.2">
      <c r="A50" s="442" t="s">
        <v>682</v>
      </c>
      <c r="B50" s="421">
        <v>127300</v>
      </c>
      <c r="C50" s="421">
        <v>127300</v>
      </c>
      <c r="D50" s="421">
        <v>0</v>
      </c>
      <c r="E50" s="421">
        <v>0</v>
      </c>
      <c r="F50" s="421">
        <v>0</v>
      </c>
      <c r="G50" s="421">
        <v>127300</v>
      </c>
      <c r="H50" s="421">
        <v>0</v>
      </c>
      <c r="I50" s="421">
        <v>0</v>
      </c>
      <c r="J50" s="421">
        <v>0</v>
      </c>
      <c r="K50" s="421">
        <v>127300</v>
      </c>
      <c r="L50" s="422">
        <v>0</v>
      </c>
    </row>
    <row r="51" spans="1:12" s="264" customFormat="1" ht="10.5" x14ac:dyDescent="0.2">
      <c r="A51" s="442"/>
      <c r="B51" s="421"/>
      <c r="C51" s="421"/>
      <c r="D51" s="421"/>
      <c r="E51" s="421"/>
      <c r="F51" s="421"/>
      <c r="G51" s="421"/>
      <c r="H51" s="421"/>
      <c r="I51" s="421"/>
      <c r="J51" s="421"/>
      <c r="K51" s="421"/>
      <c r="L51" s="422"/>
    </row>
    <row r="52" spans="1:12" s="66" customFormat="1" ht="10.5" x14ac:dyDescent="0.2">
      <c r="A52" s="142" t="s">
        <v>659</v>
      </c>
      <c r="B52" s="419">
        <v>1483051000</v>
      </c>
      <c r="C52" s="419">
        <v>2177636000</v>
      </c>
      <c r="D52" s="419">
        <v>714253378.51000011</v>
      </c>
      <c r="E52" s="419">
        <v>2109685062.000001</v>
      </c>
      <c r="F52" s="419">
        <v>19.534013043023908</v>
      </c>
      <c r="G52" s="419">
        <v>67950937.999999046</v>
      </c>
      <c r="H52" s="419">
        <v>392502176.76999998</v>
      </c>
      <c r="I52" s="419">
        <v>1231170164.0599999</v>
      </c>
      <c r="J52" s="419">
        <v>20.985162599819457</v>
      </c>
      <c r="K52" s="419">
        <v>946465835.94000006</v>
      </c>
      <c r="L52" s="420">
        <v>0</v>
      </c>
    </row>
    <row r="53" spans="1:12" s="264" customFormat="1" ht="10.5" x14ac:dyDescent="0.2">
      <c r="A53" s="442" t="s">
        <v>660</v>
      </c>
      <c r="B53" s="421">
        <v>1483051000</v>
      </c>
      <c r="C53" s="421">
        <v>2177636000</v>
      </c>
      <c r="D53" s="421">
        <v>714253378.51000011</v>
      </c>
      <c r="E53" s="421">
        <v>2109685062.000001</v>
      </c>
      <c r="F53" s="421">
        <v>19.534013043023908</v>
      </c>
      <c r="G53" s="421">
        <v>67950937.999999046</v>
      </c>
      <c r="H53" s="421">
        <v>392502176.76999998</v>
      </c>
      <c r="I53" s="421">
        <v>1231170164.0599999</v>
      </c>
      <c r="J53" s="421">
        <v>20.985162599819457</v>
      </c>
      <c r="K53" s="421">
        <v>946465835.94000006</v>
      </c>
      <c r="L53" s="422">
        <v>0</v>
      </c>
    </row>
    <row r="54" spans="1:12" ht="10.5" x14ac:dyDescent="0.2">
      <c r="A54" s="442"/>
      <c r="B54" s="421"/>
      <c r="C54" s="419"/>
      <c r="D54" s="419"/>
      <c r="E54" s="419"/>
      <c r="F54" s="419"/>
      <c r="G54" s="419"/>
      <c r="H54" s="419"/>
      <c r="I54" s="419"/>
      <c r="J54" s="419"/>
      <c r="K54" s="419"/>
      <c r="L54" s="420"/>
    </row>
    <row r="55" spans="1:12" s="66" customFormat="1" ht="10.5" x14ac:dyDescent="0.2">
      <c r="A55" s="142" t="s">
        <v>661</v>
      </c>
      <c r="B55" s="419">
        <v>1217401500</v>
      </c>
      <c r="C55" s="419">
        <v>1311614991.49</v>
      </c>
      <c r="D55" s="419">
        <v>103944740.48000002</v>
      </c>
      <c r="E55" s="419">
        <v>738835283.13999999</v>
      </c>
      <c r="F55" s="419">
        <v>6.8410296481982744</v>
      </c>
      <c r="G55" s="419">
        <v>572779708.3499999</v>
      </c>
      <c r="H55" s="419">
        <v>161232776.5</v>
      </c>
      <c r="I55" s="419">
        <v>393961833.20000035</v>
      </c>
      <c r="J55" s="419">
        <v>6.7150369373490255</v>
      </c>
      <c r="K55" s="419">
        <v>917653158.28999984</v>
      </c>
      <c r="L55" s="420">
        <v>0</v>
      </c>
    </row>
    <row r="56" spans="1:12" ht="10.5" x14ac:dyDescent="0.2">
      <c r="A56" s="22" t="s">
        <v>647</v>
      </c>
      <c r="B56" s="421">
        <v>237336100</v>
      </c>
      <c r="C56" s="421">
        <v>325661848.62</v>
      </c>
      <c r="D56" s="421">
        <v>69927108.780000016</v>
      </c>
      <c r="E56" s="421">
        <v>233866645.23999977</v>
      </c>
      <c r="F56" s="421">
        <v>2.1654199390858642</v>
      </c>
      <c r="G56" s="421">
        <v>91795203.380000234</v>
      </c>
      <c r="H56" s="421">
        <v>53994869.190000027</v>
      </c>
      <c r="I56" s="421">
        <v>123956404.55000004</v>
      </c>
      <c r="J56" s="421">
        <v>2.1128235403241806</v>
      </c>
      <c r="K56" s="421">
        <v>201705444.06999996</v>
      </c>
      <c r="L56" s="420">
        <v>0</v>
      </c>
    </row>
    <row r="57" spans="1:12" ht="10.5" x14ac:dyDescent="0.2">
      <c r="A57" s="22" t="s">
        <v>744</v>
      </c>
      <c r="B57" s="421">
        <v>2176500</v>
      </c>
      <c r="C57" s="421">
        <v>2176500</v>
      </c>
      <c r="D57" s="421">
        <v>35246.799999999988</v>
      </c>
      <c r="E57" s="421">
        <v>149854.79000000004</v>
      </c>
      <c r="F57" s="421">
        <v>1.3875366874165258E-3</v>
      </c>
      <c r="G57" s="421">
        <v>2026645.21</v>
      </c>
      <c r="H57" s="421">
        <v>29743.51999999999</v>
      </c>
      <c r="I57" s="421">
        <v>113212.53999999996</v>
      </c>
      <c r="J57" s="421">
        <v>1.9296955283614086E-3</v>
      </c>
      <c r="K57" s="421">
        <v>2063287.46</v>
      </c>
      <c r="L57" s="420">
        <v>0</v>
      </c>
    </row>
    <row r="58" spans="1:12" ht="10.5" x14ac:dyDescent="0.2">
      <c r="A58" s="22" t="s">
        <v>651</v>
      </c>
      <c r="B58" s="421">
        <v>6921900</v>
      </c>
      <c r="C58" s="421">
        <v>7646900</v>
      </c>
      <c r="D58" s="421">
        <v>206815.48</v>
      </c>
      <c r="E58" s="421">
        <v>1818158.6199999996</v>
      </c>
      <c r="F58" s="421">
        <v>1.6834709045954424E-2</v>
      </c>
      <c r="G58" s="421">
        <v>5828741.3800000008</v>
      </c>
      <c r="H58" s="421">
        <v>233830.80999999991</v>
      </c>
      <c r="I58" s="421">
        <v>591242.16</v>
      </c>
      <c r="J58" s="421">
        <v>1.0077658820575361E-2</v>
      </c>
      <c r="K58" s="421">
        <v>7055657.8399999999</v>
      </c>
      <c r="L58" s="420">
        <v>0</v>
      </c>
    </row>
    <row r="59" spans="1:12" ht="10.5" x14ac:dyDescent="0.2">
      <c r="A59" s="442" t="s">
        <v>663</v>
      </c>
      <c r="B59" s="421">
        <v>54532000</v>
      </c>
      <c r="C59" s="421">
        <v>55307000</v>
      </c>
      <c r="D59" s="421">
        <v>8302918.4500000048</v>
      </c>
      <c r="E59" s="421">
        <v>51128855.170000017</v>
      </c>
      <c r="F59" s="421">
        <v>0.4734127106246061</v>
      </c>
      <c r="G59" s="421">
        <v>4178144.8299999833</v>
      </c>
      <c r="H59" s="421">
        <v>10935722.16</v>
      </c>
      <c r="I59" s="421">
        <v>19718481.709999997</v>
      </c>
      <c r="J59" s="421">
        <v>0.33609939306955949</v>
      </c>
      <c r="K59" s="421">
        <v>35588518.290000007</v>
      </c>
      <c r="L59" s="420">
        <v>0</v>
      </c>
    </row>
    <row r="60" spans="1:12" ht="10.5" x14ac:dyDescent="0.2">
      <c r="A60" s="442" t="s">
        <v>664</v>
      </c>
      <c r="B60" s="421">
        <v>763416800</v>
      </c>
      <c r="C60" s="421">
        <v>776957542.87</v>
      </c>
      <c r="D60" s="421">
        <v>8105591.6400000229</v>
      </c>
      <c r="E60" s="421">
        <v>392008286.21000022</v>
      </c>
      <c r="F60" s="421">
        <v>3.6296863042392769</v>
      </c>
      <c r="G60" s="421">
        <v>384949256.65999979</v>
      </c>
      <c r="H60" s="421">
        <v>81381163.639999971</v>
      </c>
      <c r="I60" s="421">
        <v>213092301.39000022</v>
      </c>
      <c r="J60" s="421">
        <v>3.6321352839581649</v>
      </c>
      <c r="K60" s="421">
        <v>563865241.47999978</v>
      </c>
      <c r="L60" s="420">
        <v>0</v>
      </c>
    </row>
    <row r="61" spans="1:12" ht="10.5" x14ac:dyDescent="0.2">
      <c r="A61" s="442" t="s">
        <v>665</v>
      </c>
      <c r="B61" s="421">
        <v>100247000</v>
      </c>
      <c r="C61" s="421">
        <v>90360400</v>
      </c>
      <c r="D61" s="421">
        <v>10028332.919999983</v>
      </c>
      <c r="E61" s="421">
        <v>34787806.400000006</v>
      </c>
      <c r="F61" s="421">
        <v>0.32210753927013885</v>
      </c>
      <c r="G61" s="421">
        <v>55572593.599999994</v>
      </c>
      <c r="H61" s="421">
        <v>9214124.0099999998</v>
      </c>
      <c r="I61" s="421">
        <v>20209493.180000007</v>
      </c>
      <c r="J61" s="421">
        <v>0.34446863059424698</v>
      </c>
      <c r="K61" s="421">
        <v>70150906.819999993</v>
      </c>
      <c r="L61" s="420">
        <v>0</v>
      </c>
    </row>
    <row r="62" spans="1:12" ht="10.5" x14ac:dyDescent="0.2">
      <c r="A62" s="442" t="s">
        <v>666</v>
      </c>
      <c r="B62" s="421">
        <v>975100</v>
      </c>
      <c r="C62" s="421">
        <v>1725100</v>
      </c>
      <c r="D62" s="421">
        <v>63788.999999999956</v>
      </c>
      <c r="E62" s="421">
        <v>673497.14000000013</v>
      </c>
      <c r="F62" s="421">
        <v>6.2360501831146276E-3</v>
      </c>
      <c r="G62" s="421">
        <v>1051602.8599999999</v>
      </c>
      <c r="H62" s="421">
        <v>183655.42999999985</v>
      </c>
      <c r="I62" s="421">
        <v>232779.99</v>
      </c>
      <c r="J62" s="421">
        <v>3.9677098119608794E-3</v>
      </c>
      <c r="K62" s="421">
        <v>1492320.01</v>
      </c>
      <c r="L62" s="420">
        <v>0</v>
      </c>
    </row>
    <row r="63" spans="1:12" ht="10.5" x14ac:dyDescent="0.2">
      <c r="A63" s="442" t="s">
        <v>667</v>
      </c>
      <c r="B63" s="421">
        <v>14751600</v>
      </c>
      <c r="C63" s="421">
        <v>15091600</v>
      </c>
      <c r="D63" s="421">
        <v>1802216.27</v>
      </c>
      <c r="E63" s="421">
        <v>6735230.9900000002</v>
      </c>
      <c r="F63" s="421">
        <v>6.2362905428980452E-2</v>
      </c>
      <c r="G63" s="421">
        <v>8356369.0099999998</v>
      </c>
      <c r="H63" s="421">
        <v>1217402.8600000001</v>
      </c>
      <c r="I63" s="421">
        <v>3399157.4699999993</v>
      </c>
      <c r="J63" s="421">
        <v>5.7938272297885729E-2</v>
      </c>
      <c r="K63" s="421">
        <v>11692442.530000001</v>
      </c>
      <c r="L63" s="420">
        <v>0</v>
      </c>
    </row>
    <row r="64" spans="1:12" ht="10.5" x14ac:dyDescent="0.2">
      <c r="A64" s="442" t="s">
        <v>668</v>
      </c>
      <c r="B64" s="421">
        <v>19989000</v>
      </c>
      <c r="C64" s="421">
        <v>20050000</v>
      </c>
      <c r="D64" s="421">
        <v>5175581.74</v>
      </c>
      <c r="E64" s="421">
        <v>12081278.620000001</v>
      </c>
      <c r="F64" s="421">
        <v>0.11186307301989408</v>
      </c>
      <c r="G64" s="421">
        <v>7968721.379999999</v>
      </c>
      <c r="H64" s="421">
        <v>3422215.01</v>
      </c>
      <c r="I64" s="421">
        <v>10269957.050000001</v>
      </c>
      <c r="J64" s="421">
        <v>0.17505030976116895</v>
      </c>
      <c r="K64" s="421">
        <v>9780042.9499999993</v>
      </c>
      <c r="L64" s="420">
        <v>0</v>
      </c>
    </row>
    <row r="65" spans="1:12" ht="10.5" x14ac:dyDescent="0.2">
      <c r="A65" s="442" t="s">
        <v>669</v>
      </c>
      <c r="B65" s="421">
        <v>1337600</v>
      </c>
      <c r="C65" s="421">
        <v>1337600</v>
      </c>
      <c r="D65" s="421">
        <v>39284.5</v>
      </c>
      <c r="E65" s="421">
        <v>850915.46999999986</v>
      </c>
      <c r="F65" s="421">
        <v>7.8788034237362425E-3</v>
      </c>
      <c r="G65" s="421">
        <v>486684.53000000014</v>
      </c>
      <c r="H65" s="421">
        <v>106129.82999999999</v>
      </c>
      <c r="I65" s="421">
        <v>112457.37999999999</v>
      </c>
      <c r="J65" s="421">
        <v>1.916823907645211E-3</v>
      </c>
      <c r="K65" s="421">
        <v>1225142.6200000001</v>
      </c>
      <c r="L65" s="420">
        <v>0</v>
      </c>
    </row>
    <row r="66" spans="1:12" ht="10.5" x14ac:dyDescent="0.2">
      <c r="A66" s="442" t="s">
        <v>673</v>
      </c>
      <c r="B66" s="421">
        <v>0</v>
      </c>
      <c r="C66" s="421">
        <v>0</v>
      </c>
      <c r="D66" s="421">
        <v>0</v>
      </c>
      <c r="E66" s="421">
        <v>0</v>
      </c>
      <c r="F66" s="421">
        <v>0</v>
      </c>
      <c r="G66" s="421">
        <v>0</v>
      </c>
      <c r="H66" s="421">
        <v>0</v>
      </c>
      <c r="I66" s="421">
        <v>0</v>
      </c>
      <c r="J66" s="421">
        <v>0</v>
      </c>
      <c r="K66" s="421">
        <v>0</v>
      </c>
      <c r="L66" s="420">
        <v>0</v>
      </c>
    </row>
    <row r="67" spans="1:12" ht="10.5" x14ac:dyDescent="0.2">
      <c r="A67" s="442" t="s">
        <v>724</v>
      </c>
      <c r="B67" s="421">
        <v>3191000</v>
      </c>
      <c r="C67" s="421">
        <v>3191000</v>
      </c>
      <c r="D67" s="421">
        <v>0</v>
      </c>
      <c r="E67" s="421">
        <v>3190999.9999999995</v>
      </c>
      <c r="F67" s="421">
        <v>2.9546133090214415E-2</v>
      </c>
      <c r="G67" s="421">
        <v>0</v>
      </c>
      <c r="H67" s="421">
        <v>401196.91000000003</v>
      </c>
      <c r="I67" s="421">
        <v>1209865.1199999999</v>
      </c>
      <c r="J67" s="421">
        <v>2.0622020422688507E-2</v>
      </c>
      <c r="K67" s="421">
        <v>1981134.8800000001</v>
      </c>
      <c r="L67" s="422">
        <v>0</v>
      </c>
    </row>
    <row r="68" spans="1:12" s="264" customFormat="1" ht="11.25" customHeight="1" x14ac:dyDescent="0.2">
      <c r="A68" s="442" t="s">
        <v>682</v>
      </c>
      <c r="B68" s="421">
        <v>1137100</v>
      </c>
      <c r="C68" s="421">
        <v>1137100</v>
      </c>
      <c r="D68" s="421">
        <v>32700</v>
      </c>
      <c r="E68" s="421">
        <v>133700</v>
      </c>
      <c r="F68" s="421">
        <v>1.2379561247764549E-3</v>
      </c>
      <c r="G68" s="421">
        <v>1003400</v>
      </c>
      <c r="H68" s="421">
        <v>16992.82</v>
      </c>
      <c r="I68" s="421">
        <v>47726.399999999994</v>
      </c>
      <c r="J68" s="421">
        <v>8.1349133819264149E-4</v>
      </c>
      <c r="K68" s="421">
        <v>1089373.6000000001</v>
      </c>
      <c r="L68" s="422">
        <v>0</v>
      </c>
    </row>
    <row r="69" spans="1:12" s="264" customFormat="1" ht="11.25" customHeight="1" x14ac:dyDescent="0.2">
      <c r="A69" s="442" t="s">
        <v>864</v>
      </c>
      <c r="B69" s="421">
        <v>6595000</v>
      </c>
      <c r="C69" s="421">
        <v>6595000</v>
      </c>
      <c r="D69" s="421">
        <v>21081.26</v>
      </c>
      <c r="E69" s="421">
        <v>903392.08000000007</v>
      </c>
      <c r="F69" s="421">
        <v>8.3646952768178101E-3</v>
      </c>
      <c r="G69" s="421">
        <v>5691607.9199999999</v>
      </c>
      <c r="H69" s="421">
        <v>0</v>
      </c>
      <c r="I69" s="421">
        <v>857950.73999999987</v>
      </c>
      <c r="J69" s="421">
        <v>1.4623677788099814E-2</v>
      </c>
      <c r="K69" s="421">
        <v>5737049.2599999998</v>
      </c>
      <c r="L69" s="422">
        <v>0</v>
      </c>
    </row>
    <row r="70" spans="1:12" s="264" customFormat="1" ht="10.5" x14ac:dyDescent="0.2">
      <c r="A70" s="442" t="s">
        <v>865</v>
      </c>
      <c r="B70" s="421">
        <v>4027800</v>
      </c>
      <c r="C70" s="421">
        <v>3610400</v>
      </c>
      <c r="D70" s="421">
        <v>170000</v>
      </c>
      <c r="E70" s="421">
        <v>411355.41999999993</v>
      </c>
      <c r="F70" s="421">
        <v>3.8088254424008296E-3</v>
      </c>
      <c r="G70" s="421">
        <v>3199044.58</v>
      </c>
      <c r="H70" s="421">
        <v>63829.859999999993</v>
      </c>
      <c r="I70" s="421">
        <v>109025.79999999999</v>
      </c>
      <c r="J70" s="421">
        <v>1.8583329968219538E-3</v>
      </c>
      <c r="K70" s="421">
        <v>3501374.2</v>
      </c>
      <c r="L70" s="422">
        <v>0</v>
      </c>
    </row>
    <row r="71" spans="1:12" s="264" customFormat="1" ht="10.5" x14ac:dyDescent="0.2">
      <c r="A71" s="442" t="s">
        <v>646</v>
      </c>
      <c r="B71" s="421">
        <v>624500</v>
      </c>
      <c r="C71" s="421">
        <v>624500</v>
      </c>
      <c r="D71" s="421">
        <v>13005.14</v>
      </c>
      <c r="E71" s="421">
        <v>57306.49</v>
      </c>
      <c r="F71" s="421">
        <v>5.3061271716485167E-4</v>
      </c>
      <c r="G71" s="421">
        <v>567193.51</v>
      </c>
      <c r="H71" s="421">
        <v>9630.9500000000007</v>
      </c>
      <c r="I71" s="421">
        <v>19508.22</v>
      </c>
      <c r="J71" s="421">
        <v>3.3251550491041553E-4</v>
      </c>
      <c r="K71" s="421">
        <v>604991.78</v>
      </c>
      <c r="L71" s="422">
        <v>0</v>
      </c>
    </row>
    <row r="72" spans="1:12" s="264" customFormat="1" ht="10.5" x14ac:dyDescent="0.2">
      <c r="A72" s="442" t="s">
        <v>866</v>
      </c>
      <c r="B72" s="421">
        <v>142500</v>
      </c>
      <c r="C72" s="421">
        <v>142500</v>
      </c>
      <c r="D72" s="421">
        <v>21068.5</v>
      </c>
      <c r="E72" s="421">
        <v>38000.5</v>
      </c>
      <c r="F72" s="421">
        <v>3.518545379174845E-4</v>
      </c>
      <c r="G72" s="421">
        <v>104499.5</v>
      </c>
      <c r="H72" s="421">
        <v>22269.5</v>
      </c>
      <c r="I72" s="421">
        <v>22269.5</v>
      </c>
      <c r="J72" s="421">
        <v>3.7958122456085167E-4</v>
      </c>
      <c r="K72" s="421">
        <v>120230.5</v>
      </c>
      <c r="L72" s="422">
        <v>0</v>
      </c>
    </row>
    <row r="73" spans="1:12" s="264" customFormat="1" ht="10.5" x14ac:dyDescent="0.2">
      <c r="A73" s="442"/>
      <c r="B73" s="421"/>
      <c r="C73" s="419"/>
      <c r="D73" s="419"/>
      <c r="E73" s="419"/>
      <c r="F73" s="419"/>
      <c r="G73" s="419"/>
      <c r="H73" s="419"/>
      <c r="I73" s="419"/>
      <c r="J73" s="419"/>
      <c r="K73" s="419"/>
      <c r="L73" s="420"/>
    </row>
    <row r="74" spans="1:12" s="66" customFormat="1" ht="10.5" x14ac:dyDescent="0.2">
      <c r="A74" s="142" t="s">
        <v>662</v>
      </c>
      <c r="B74" s="419">
        <v>24178700</v>
      </c>
      <c r="C74" s="419">
        <v>24901500</v>
      </c>
      <c r="D74" s="419">
        <v>719397.79999999981</v>
      </c>
      <c r="E74" s="419">
        <v>7264447.4800000004</v>
      </c>
      <c r="F74" s="419">
        <v>6.7263031046992397E-2</v>
      </c>
      <c r="G74" s="419">
        <v>17637052.52</v>
      </c>
      <c r="H74" s="419">
        <v>1464980.05</v>
      </c>
      <c r="I74" s="419">
        <v>3933787.9000000008</v>
      </c>
      <c r="J74" s="419">
        <v>6.7050990289169554E-2</v>
      </c>
      <c r="K74" s="419">
        <v>20967712.099999998</v>
      </c>
      <c r="L74" s="420">
        <v>0</v>
      </c>
    </row>
    <row r="75" spans="1:12" s="264" customFormat="1" ht="10.5" x14ac:dyDescent="0.2">
      <c r="A75" s="442" t="s">
        <v>647</v>
      </c>
      <c r="B75" s="421">
        <v>7125000</v>
      </c>
      <c r="C75" s="421">
        <v>7144000</v>
      </c>
      <c r="D75" s="421">
        <v>311111.00000000012</v>
      </c>
      <c r="E75" s="421">
        <v>5557919.5200000005</v>
      </c>
      <c r="F75" s="421">
        <v>5.1461933513826587E-2</v>
      </c>
      <c r="G75" s="421">
        <v>1586080.4799999995</v>
      </c>
      <c r="H75" s="421">
        <v>1051334.23</v>
      </c>
      <c r="I75" s="421">
        <v>3114528.1600000006</v>
      </c>
      <c r="J75" s="421">
        <v>5.3086796421206423E-2</v>
      </c>
      <c r="K75" s="421">
        <v>4029471.8399999994</v>
      </c>
      <c r="L75" s="422">
        <v>0</v>
      </c>
    </row>
    <row r="76" spans="1:12" s="264" customFormat="1" ht="10.5" x14ac:dyDescent="0.2">
      <c r="A76" s="442" t="s">
        <v>670</v>
      </c>
      <c r="B76" s="421">
        <v>17053700</v>
      </c>
      <c r="C76" s="421">
        <v>17757500</v>
      </c>
      <c r="D76" s="421">
        <v>408286.79999999976</v>
      </c>
      <c r="E76" s="421">
        <v>1706527.96</v>
      </c>
      <c r="F76" s="421">
        <v>1.580109753316581E-2</v>
      </c>
      <c r="G76" s="421">
        <v>16050972.039999999</v>
      </c>
      <c r="H76" s="421">
        <v>413645.82</v>
      </c>
      <c r="I76" s="421">
        <v>819259.74000000022</v>
      </c>
      <c r="J76" s="421">
        <v>1.3964193867963133E-2</v>
      </c>
      <c r="K76" s="421">
        <v>16938240.259999998</v>
      </c>
      <c r="L76" s="422">
        <v>0</v>
      </c>
    </row>
    <row r="77" spans="1:12" ht="10.5" x14ac:dyDescent="0.2">
      <c r="A77" s="442"/>
      <c r="B77" s="421"/>
      <c r="C77" s="419"/>
      <c r="D77" s="419"/>
      <c r="E77" s="419"/>
      <c r="F77" s="419"/>
      <c r="G77" s="419"/>
      <c r="H77" s="419"/>
      <c r="I77" s="419"/>
      <c r="J77" s="419"/>
      <c r="K77" s="419"/>
      <c r="L77" s="420"/>
    </row>
    <row r="78" spans="1:12" s="66" customFormat="1" ht="10.5" x14ac:dyDescent="0.2">
      <c r="A78" s="142" t="s">
        <v>677</v>
      </c>
      <c r="B78" s="419">
        <v>1380321800</v>
      </c>
      <c r="C78" s="419">
        <v>1552527921.8499999</v>
      </c>
      <c r="D78" s="419">
        <v>81557824.840000287</v>
      </c>
      <c r="E78" s="419">
        <v>1305312689.0099955</v>
      </c>
      <c r="F78" s="419">
        <v>12.086161840750545</v>
      </c>
      <c r="G78" s="419">
        <v>247215232.84000397</v>
      </c>
      <c r="H78" s="419">
        <v>282423676.68999994</v>
      </c>
      <c r="I78" s="419">
        <v>804126335.66999996</v>
      </c>
      <c r="J78" s="419">
        <v>13.706246624093449</v>
      </c>
      <c r="K78" s="419">
        <v>748401586.17999995</v>
      </c>
      <c r="L78" s="420">
        <v>0</v>
      </c>
    </row>
    <row r="79" spans="1:12" s="264" customFormat="1" ht="10.5" x14ac:dyDescent="0.2">
      <c r="A79" s="22" t="s">
        <v>647</v>
      </c>
      <c r="B79" s="421">
        <v>1085044900</v>
      </c>
      <c r="C79" s="421">
        <v>1274433966.8499999</v>
      </c>
      <c r="D79" s="421">
        <v>30476896.720000289</v>
      </c>
      <c r="E79" s="421">
        <v>1140451581.959996</v>
      </c>
      <c r="F79" s="421">
        <v>10.559678540750742</v>
      </c>
      <c r="G79" s="421">
        <v>133982384.89000392</v>
      </c>
      <c r="H79" s="421">
        <v>256591372.8899999</v>
      </c>
      <c r="I79" s="421">
        <v>716311962.50999999</v>
      </c>
      <c r="J79" s="421">
        <v>12.209460108989095</v>
      </c>
      <c r="K79" s="421">
        <v>558122004.33999991</v>
      </c>
      <c r="L79" s="422">
        <v>0</v>
      </c>
    </row>
    <row r="80" spans="1:12" s="264" customFormat="1" ht="10.5" x14ac:dyDescent="0.2">
      <c r="A80" s="442" t="s">
        <v>671</v>
      </c>
      <c r="B80" s="421">
        <v>10066700</v>
      </c>
      <c r="C80" s="421">
        <v>14605505</v>
      </c>
      <c r="D80" s="421">
        <v>602553.26999999979</v>
      </c>
      <c r="E80" s="421">
        <v>13279912.770000001</v>
      </c>
      <c r="F80" s="421">
        <v>0.12296147606670575</v>
      </c>
      <c r="G80" s="421">
        <v>1325592.2299999986</v>
      </c>
      <c r="H80" s="421">
        <v>1528099.65</v>
      </c>
      <c r="I80" s="421">
        <v>12740871.01</v>
      </c>
      <c r="J80" s="421">
        <v>0.21716677159108444</v>
      </c>
      <c r="K80" s="421">
        <v>1864633.9900000002</v>
      </c>
      <c r="L80" s="422">
        <v>0</v>
      </c>
    </row>
    <row r="81" spans="1:12" s="264" customFormat="1" ht="10.5" x14ac:dyDescent="0.2">
      <c r="A81" s="442" t="s">
        <v>672</v>
      </c>
      <c r="B81" s="421">
        <v>5402500</v>
      </c>
      <c r="C81" s="421">
        <v>16215518</v>
      </c>
      <c r="D81" s="421">
        <v>194112.43999999994</v>
      </c>
      <c r="E81" s="421">
        <v>14601981.609999999</v>
      </c>
      <c r="F81" s="421">
        <v>0.13520278659665416</v>
      </c>
      <c r="G81" s="421">
        <v>1613536.3900000006</v>
      </c>
      <c r="H81" s="421">
        <v>820471.05</v>
      </c>
      <c r="I81" s="421">
        <v>13974624.790000001</v>
      </c>
      <c r="J81" s="421">
        <v>0.23819597164582207</v>
      </c>
      <c r="K81" s="421">
        <v>2240893.209999999</v>
      </c>
      <c r="L81" s="422">
        <v>0</v>
      </c>
    </row>
    <row r="82" spans="1:12" s="264" customFormat="1" ht="10.5" x14ac:dyDescent="0.2">
      <c r="A82" s="442" t="s">
        <v>673</v>
      </c>
      <c r="B82" s="421">
        <v>13770800</v>
      </c>
      <c r="C82" s="421">
        <v>15783539</v>
      </c>
      <c r="D82" s="421">
        <v>1222378.96</v>
      </c>
      <c r="E82" s="421">
        <v>10793560.620000001</v>
      </c>
      <c r="F82" s="421">
        <v>9.9939824066379579E-2</v>
      </c>
      <c r="G82" s="421">
        <v>4989978.379999999</v>
      </c>
      <c r="H82" s="421">
        <v>2375323.2799999998</v>
      </c>
      <c r="I82" s="421">
        <v>4744558.33</v>
      </c>
      <c r="J82" s="421">
        <v>8.087048478420214E-2</v>
      </c>
      <c r="K82" s="421">
        <v>11038980.67</v>
      </c>
      <c r="L82" s="422">
        <v>0</v>
      </c>
    </row>
    <row r="83" spans="1:12" s="264" customFormat="1" ht="10.5" x14ac:dyDescent="0.2">
      <c r="A83" s="442" t="s">
        <v>674</v>
      </c>
      <c r="B83" s="421">
        <v>44663400</v>
      </c>
      <c r="C83" s="421">
        <v>44330200</v>
      </c>
      <c r="D83" s="421">
        <v>1088370.2600000005</v>
      </c>
      <c r="E83" s="421">
        <v>14564345.299999997</v>
      </c>
      <c r="F83" s="421">
        <v>0.13485430416973948</v>
      </c>
      <c r="G83" s="421">
        <v>29765854.700000003</v>
      </c>
      <c r="H83" s="421">
        <v>2651756.330000001</v>
      </c>
      <c r="I83" s="421">
        <v>7224889.2899999991</v>
      </c>
      <c r="J83" s="421">
        <v>0.1231474583629979</v>
      </c>
      <c r="K83" s="421">
        <v>37105310.710000001</v>
      </c>
      <c r="L83" s="422">
        <v>0</v>
      </c>
    </row>
    <row r="84" spans="1:12" s="264" customFormat="1" ht="10.5" x14ac:dyDescent="0.2">
      <c r="A84" s="442" t="s">
        <v>123</v>
      </c>
      <c r="B84" s="421">
        <v>177600</v>
      </c>
      <c r="C84" s="421">
        <v>0</v>
      </c>
      <c r="D84" s="421">
        <v>0</v>
      </c>
      <c r="E84" s="421">
        <v>0</v>
      </c>
      <c r="F84" s="421">
        <v>0</v>
      </c>
      <c r="G84" s="421">
        <v>0</v>
      </c>
      <c r="H84" s="421">
        <v>0</v>
      </c>
      <c r="I84" s="421">
        <v>0</v>
      </c>
      <c r="J84" s="421">
        <v>0</v>
      </c>
      <c r="K84" s="421">
        <v>0</v>
      </c>
      <c r="L84" s="422">
        <v>0</v>
      </c>
    </row>
    <row r="85" spans="1:12" s="264" customFormat="1" ht="10.5" x14ac:dyDescent="0.2">
      <c r="A85" s="442" t="s">
        <v>675</v>
      </c>
      <c r="B85" s="421">
        <v>4171000</v>
      </c>
      <c r="C85" s="421">
        <v>8041467</v>
      </c>
      <c r="D85" s="421">
        <v>1969679.57</v>
      </c>
      <c r="E85" s="421">
        <v>3281974.9200000009</v>
      </c>
      <c r="F85" s="421">
        <v>3.0388488807604464E-2</v>
      </c>
      <c r="G85" s="421">
        <v>4759492.0799999991</v>
      </c>
      <c r="H85" s="421">
        <v>891197.92999999993</v>
      </c>
      <c r="I85" s="421">
        <v>2023965.7900000005</v>
      </c>
      <c r="J85" s="421">
        <v>3.4498278499179226E-2</v>
      </c>
      <c r="K85" s="421">
        <v>6017501.209999999</v>
      </c>
      <c r="L85" s="422">
        <v>0</v>
      </c>
    </row>
    <row r="86" spans="1:12" s="264" customFormat="1" ht="10.5" x14ac:dyDescent="0.2">
      <c r="A86" s="442" t="s">
        <v>676</v>
      </c>
      <c r="B86" s="421">
        <v>19362700</v>
      </c>
      <c r="C86" s="421">
        <v>12706875</v>
      </c>
      <c r="D86" s="421">
        <v>4422402.3600000013</v>
      </c>
      <c r="E86" s="421">
        <v>8429928.1100000069</v>
      </c>
      <c r="F86" s="421">
        <v>7.8054458752428668E-2</v>
      </c>
      <c r="G86" s="421">
        <v>4276946.8899999931</v>
      </c>
      <c r="H86" s="421">
        <v>1754896.88</v>
      </c>
      <c r="I86" s="421">
        <v>2416695.7200000002</v>
      </c>
      <c r="J86" s="421">
        <v>4.1192317779409918E-2</v>
      </c>
      <c r="K86" s="421">
        <v>10290179.279999999</v>
      </c>
      <c r="L86" s="422">
        <v>0</v>
      </c>
    </row>
    <row r="87" spans="1:12" s="264" customFormat="1" ht="10.5" x14ac:dyDescent="0.2">
      <c r="A87" s="442" t="s">
        <v>745</v>
      </c>
      <c r="B87" s="421">
        <v>192709500</v>
      </c>
      <c r="C87" s="421">
        <v>160581451</v>
      </c>
      <c r="D87" s="421">
        <v>41321131.209999993</v>
      </c>
      <c r="E87" s="421">
        <v>98345560.149999946</v>
      </c>
      <c r="F87" s="421">
        <v>0.91060200846868866</v>
      </c>
      <c r="G87" s="421">
        <v>62235890.850000054</v>
      </c>
      <c r="H87" s="421">
        <v>15454073.790000008</v>
      </c>
      <c r="I87" s="421">
        <v>43290723.510000035</v>
      </c>
      <c r="J87" s="421">
        <v>0.73788571104205591</v>
      </c>
      <c r="K87" s="421">
        <v>117290727.48999996</v>
      </c>
      <c r="L87" s="422">
        <v>0</v>
      </c>
    </row>
    <row r="88" spans="1:12" s="264" customFormat="1" ht="10.5" x14ac:dyDescent="0.2">
      <c r="A88" s="442" t="s">
        <v>698</v>
      </c>
      <c r="B88" s="421">
        <v>4702700</v>
      </c>
      <c r="C88" s="421">
        <v>5015900</v>
      </c>
      <c r="D88" s="421">
        <v>260300.05</v>
      </c>
      <c r="E88" s="421">
        <v>1543843.57</v>
      </c>
      <c r="F88" s="421">
        <v>1.4294768909336184E-2</v>
      </c>
      <c r="G88" s="421">
        <v>3472056.4299999997</v>
      </c>
      <c r="H88" s="421">
        <v>354766.53</v>
      </c>
      <c r="I88" s="421">
        <v>1392697.95</v>
      </c>
      <c r="J88" s="421">
        <v>2.3738386281882743E-2</v>
      </c>
      <c r="K88" s="421">
        <v>3623202.05</v>
      </c>
      <c r="L88" s="422">
        <v>0</v>
      </c>
    </row>
    <row r="89" spans="1:12" s="264" customFormat="1" ht="10.5" x14ac:dyDescent="0.2">
      <c r="A89" s="442" t="s">
        <v>700</v>
      </c>
      <c r="B89" s="421">
        <v>0</v>
      </c>
      <c r="C89" s="421">
        <v>0</v>
      </c>
      <c r="D89" s="421">
        <v>0</v>
      </c>
      <c r="E89" s="421">
        <v>0</v>
      </c>
      <c r="F89" s="421">
        <v>0</v>
      </c>
      <c r="G89" s="421">
        <v>0</v>
      </c>
      <c r="H89" s="421">
        <v>0</v>
      </c>
      <c r="I89" s="421">
        <v>0</v>
      </c>
      <c r="J89" s="421">
        <v>0</v>
      </c>
      <c r="K89" s="421">
        <v>0</v>
      </c>
      <c r="L89" s="422">
        <v>0</v>
      </c>
    </row>
    <row r="90" spans="1:12" s="264" customFormat="1" ht="10.5" x14ac:dyDescent="0.2">
      <c r="A90" s="442" t="s">
        <v>724</v>
      </c>
      <c r="B90" s="421">
        <v>0</v>
      </c>
      <c r="C90" s="421">
        <v>0</v>
      </c>
      <c r="D90" s="421">
        <v>0</v>
      </c>
      <c r="E90" s="421">
        <v>0</v>
      </c>
      <c r="F90" s="421">
        <v>0</v>
      </c>
      <c r="G90" s="421">
        <v>0</v>
      </c>
      <c r="H90" s="421">
        <v>0</v>
      </c>
      <c r="I90" s="421">
        <v>0</v>
      </c>
      <c r="J90" s="421">
        <v>0</v>
      </c>
      <c r="K90" s="421">
        <v>0</v>
      </c>
      <c r="L90" s="422">
        <v>0</v>
      </c>
    </row>
    <row r="91" spans="1:12" s="264" customFormat="1" ht="10.5" x14ac:dyDescent="0.2">
      <c r="A91" s="442" t="s">
        <v>682</v>
      </c>
      <c r="B91" s="421">
        <v>250000</v>
      </c>
      <c r="C91" s="421">
        <v>813500</v>
      </c>
      <c r="D91" s="421">
        <v>0</v>
      </c>
      <c r="E91" s="421">
        <v>20000</v>
      </c>
      <c r="F91" s="421">
        <v>1.8518416227022511E-4</v>
      </c>
      <c r="G91" s="421">
        <v>793500</v>
      </c>
      <c r="H91" s="421">
        <v>1718.36</v>
      </c>
      <c r="I91" s="421">
        <v>5346.77</v>
      </c>
      <c r="J91" s="421">
        <v>9.1135117719087774E-5</v>
      </c>
      <c r="K91" s="421">
        <v>808153.23</v>
      </c>
      <c r="L91" s="422">
        <v>0</v>
      </c>
    </row>
    <row r="92" spans="1:12" ht="10.5" x14ac:dyDescent="0.2">
      <c r="A92" s="442"/>
      <c r="B92" s="421"/>
      <c r="C92" s="419"/>
      <c r="D92" s="419"/>
      <c r="E92" s="419"/>
      <c r="F92" s="419"/>
      <c r="G92" s="419"/>
      <c r="H92" s="419"/>
      <c r="I92" s="419"/>
      <c r="J92" s="419"/>
      <c r="K92" s="419"/>
      <c r="L92" s="420"/>
    </row>
    <row r="93" spans="1:12" s="66" customFormat="1" ht="10.5" x14ac:dyDescent="0.2">
      <c r="A93" s="142" t="s">
        <v>678</v>
      </c>
      <c r="B93" s="419">
        <v>53433000</v>
      </c>
      <c r="C93" s="419">
        <v>57418455</v>
      </c>
      <c r="D93" s="419">
        <v>1630566.5700000005</v>
      </c>
      <c r="E93" s="419">
        <v>10952809.959999997</v>
      </c>
      <c r="F93" s="419">
        <v>0.10141434684737888</v>
      </c>
      <c r="G93" s="419">
        <v>46465645.040000007</v>
      </c>
      <c r="H93" s="419">
        <v>2936440.3899999997</v>
      </c>
      <c r="I93" s="419">
        <v>8144044.6999999965</v>
      </c>
      <c r="J93" s="419">
        <v>0.13881436314709861</v>
      </c>
      <c r="K93" s="419">
        <v>49274410.300000004</v>
      </c>
      <c r="L93" s="420">
        <v>0</v>
      </c>
    </row>
    <row r="94" spans="1:12" ht="10.5" x14ac:dyDescent="0.2">
      <c r="A94" s="442" t="s">
        <v>679</v>
      </c>
      <c r="B94" s="421">
        <v>53293000</v>
      </c>
      <c r="C94" s="421">
        <v>57278455</v>
      </c>
      <c r="D94" s="421">
        <v>1630566.5700000005</v>
      </c>
      <c r="E94" s="421">
        <v>10952809.959999997</v>
      </c>
      <c r="F94" s="421">
        <v>0.10141434684737888</v>
      </c>
      <c r="G94" s="421">
        <v>46325645.040000007</v>
      </c>
      <c r="H94" s="421">
        <v>2936440.3899999997</v>
      </c>
      <c r="I94" s="421">
        <v>8144044.6999999965</v>
      </c>
      <c r="J94" s="421">
        <v>0.13881436314709861</v>
      </c>
      <c r="K94" s="421">
        <v>49134410.300000004</v>
      </c>
      <c r="L94" s="420">
        <v>0</v>
      </c>
    </row>
    <row r="95" spans="1:12" s="264" customFormat="1" ht="10.5" x14ac:dyDescent="0.2">
      <c r="A95" s="442" t="s">
        <v>711</v>
      </c>
      <c r="B95" s="421">
        <v>140000</v>
      </c>
      <c r="C95" s="421">
        <v>140000</v>
      </c>
      <c r="D95" s="421">
        <v>0</v>
      </c>
      <c r="E95" s="421">
        <v>0</v>
      </c>
      <c r="F95" s="421">
        <v>0</v>
      </c>
      <c r="G95" s="421">
        <v>140000</v>
      </c>
      <c r="H95" s="421">
        <v>0</v>
      </c>
      <c r="I95" s="421">
        <v>0</v>
      </c>
      <c r="J95" s="421">
        <v>0</v>
      </c>
      <c r="K95" s="421">
        <v>140000</v>
      </c>
      <c r="L95" s="420">
        <v>0</v>
      </c>
    </row>
    <row r="96" spans="1:12" ht="10.5" x14ac:dyDescent="0.2">
      <c r="A96" s="442"/>
      <c r="B96" s="421"/>
      <c r="C96" s="419"/>
      <c r="D96" s="419"/>
      <c r="E96" s="419"/>
      <c r="F96" s="419"/>
      <c r="G96" s="419"/>
      <c r="H96" s="419"/>
      <c r="I96" s="419"/>
      <c r="J96" s="419"/>
      <c r="K96" s="419"/>
      <c r="L96" s="420"/>
    </row>
    <row r="97" spans="1:12" s="66" customFormat="1" ht="10.5" x14ac:dyDescent="0.2">
      <c r="A97" s="142" t="s">
        <v>680</v>
      </c>
      <c r="B97" s="419">
        <v>176717300</v>
      </c>
      <c r="C97" s="419">
        <v>183690662.05000001</v>
      </c>
      <c r="D97" s="419">
        <v>53764886.859999999</v>
      </c>
      <c r="E97" s="419">
        <v>156479950.93999988</v>
      </c>
      <c r="F97" s="419">
        <v>1.4488804313454902</v>
      </c>
      <c r="G97" s="419">
        <v>27210711.11000013</v>
      </c>
      <c r="H97" s="419">
        <v>38172940.449999981</v>
      </c>
      <c r="I97" s="419">
        <v>119773447.00999992</v>
      </c>
      <c r="J97" s="419">
        <v>2.0415254804072855</v>
      </c>
      <c r="K97" s="419">
        <v>63917215.040000103</v>
      </c>
      <c r="L97" s="420">
        <v>0</v>
      </c>
    </row>
    <row r="98" spans="1:12" ht="10.5" x14ac:dyDescent="0.2">
      <c r="A98" s="442" t="s">
        <v>652</v>
      </c>
      <c r="B98" s="421">
        <v>9738100</v>
      </c>
      <c r="C98" s="421">
        <v>9720100</v>
      </c>
      <c r="D98" s="421">
        <v>752652.50000000105</v>
      </c>
      <c r="E98" s="421">
        <v>7779115.1299999999</v>
      </c>
      <c r="F98" s="421">
        <v>7.202844592763416E-2</v>
      </c>
      <c r="G98" s="421">
        <v>1940984.87</v>
      </c>
      <c r="H98" s="421">
        <v>1341717.1799999997</v>
      </c>
      <c r="I98" s="421">
        <v>3978566.8399999989</v>
      </c>
      <c r="J98" s="421">
        <v>6.7814242489701054E-2</v>
      </c>
      <c r="K98" s="421">
        <v>5741533.1600000011</v>
      </c>
      <c r="L98" s="420">
        <v>0</v>
      </c>
    </row>
    <row r="99" spans="1:12" ht="10.5" x14ac:dyDescent="0.2">
      <c r="A99" s="442" t="s">
        <v>681</v>
      </c>
      <c r="B99" s="421">
        <v>163544000</v>
      </c>
      <c r="C99" s="421">
        <v>169747062.05000001</v>
      </c>
      <c r="D99" s="421">
        <v>52929193.890000001</v>
      </c>
      <c r="E99" s="421">
        <v>147980677.58999988</v>
      </c>
      <c r="F99" s="421">
        <v>1.3701838905842203</v>
      </c>
      <c r="G99" s="421">
        <v>21766384.460000128</v>
      </c>
      <c r="H99" s="421">
        <v>36707574.329999983</v>
      </c>
      <c r="I99" s="421">
        <v>115399518.72999991</v>
      </c>
      <c r="J99" s="421">
        <v>1.9669723448333509</v>
      </c>
      <c r="K99" s="421">
        <v>54347543.320000097</v>
      </c>
      <c r="L99" s="420">
        <v>0</v>
      </c>
    </row>
    <row r="100" spans="1:12" ht="10.5" x14ac:dyDescent="0.2">
      <c r="A100" s="442" t="s">
        <v>682</v>
      </c>
      <c r="B100" s="421">
        <v>3225200</v>
      </c>
      <c r="C100" s="421">
        <v>4013500</v>
      </c>
      <c r="D100" s="421">
        <v>83040.470000000059</v>
      </c>
      <c r="E100" s="421">
        <v>720158.22</v>
      </c>
      <c r="F100" s="421">
        <v>6.668094833635823E-3</v>
      </c>
      <c r="G100" s="421">
        <v>3293341.7800000003</v>
      </c>
      <c r="H100" s="421">
        <v>123648.94000000003</v>
      </c>
      <c r="I100" s="421">
        <v>395361.44000000006</v>
      </c>
      <c r="J100" s="421">
        <v>6.7388930842336697E-3</v>
      </c>
      <c r="K100" s="421">
        <v>3618138.56</v>
      </c>
      <c r="L100" s="420">
        <v>0</v>
      </c>
    </row>
    <row r="101" spans="1:12" s="264" customFormat="1" ht="10.5" x14ac:dyDescent="0.2">
      <c r="A101" s="442" t="s">
        <v>683</v>
      </c>
      <c r="B101" s="421">
        <v>210000</v>
      </c>
      <c r="C101" s="421">
        <v>210000</v>
      </c>
      <c r="D101" s="421">
        <v>0</v>
      </c>
      <c r="E101" s="421">
        <v>0</v>
      </c>
      <c r="F101" s="421">
        <v>0</v>
      </c>
      <c r="G101" s="421">
        <v>210000</v>
      </c>
      <c r="H101" s="421">
        <v>0</v>
      </c>
      <c r="I101" s="421">
        <v>0</v>
      </c>
      <c r="J101" s="496">
        <v>0</v>
      </c>
      <c r="K101" s="421">
        <v>210000</v>
      </c>
      <c r="L101" s="420">
        <v>0</v>
      </c>
    </row>
    <row r="102" spans="1:12" ht="10.5" x14ac:dyDescent="0.2">
      <c r="A102" s="442"/>
      <c r="B102" s="421"/>
      <c r="C102" s="421"/>
      <c r="D102" s="421"/>
      <c r="E102" s="421"/>
      <c r="F102" s="421"/>
      <c r="G102" s="421"/>
      <c r="H102" s="421"/>
      <c r="I102" s="421"/>
      <c r="J102" s="419"/>
      <c r="K102" s="419"/>
      <c r="L102" s="420"/>
    </row>
    <row r="103" spans="1:12" s="66" customFormat="1" ht="10.5" x14ac:dyDescent="0.2">
      <c r="A103" s="142" t="s">
        <v>684</v>
      </c>
      <c r="B103" s="419">
        <v>22559400</v>
      </c>
      <c r="C103" s="419">
        <v>17456400</v>
      </c>
      <c r="D103" s="419">
        <v>4054037.81</v>
      </c>
      <c r="E103" s="419">
        <v>9587762.9399999995</v>
      </c>
      <c r="F103" s="419">
        <v>8.8775092404470526E-2</v>
      </c>
      <c r="G103" s="419">
        <v>7868637.0600000005</v>
      </c>
      <c r="H103" s="419">
        <v>623494.3899999999</v>
      </c>
      <c r="I103" s="419">
        <v>2121519.86</v>
      </c>
      <c r="J103" s="419">
        <v>3.6161077095981792E-2</v>
      </c>
      <c r="K103" s="419">
        <v>15334880.140000001</v>
      </c>
      <c r="L103" s="420">
        <v>0</v>
      </c>
    </row>
    <row r="104" spans="1:12" s="264" customFormat="1" ht="10.5" x14ac:dyDescent="0.2">
      <c r="A104" s="442" t="s">
        <v>685</v>
      </c>
      <c r="B104" s="421">
        <v>22559400</v>
      </c>
      <c r="C104" s="421">
        <v>17456400</v>
      </c>
      <c r="D104" s="421">
        <v>4054037.81</v>
      </c>
      <c r="E104" s="421">
        <v>9587762.9399999995</v>
      </c>
      <c r="F104" s="421">
        <v>8.8775092404470526E-2</v>
      </c>
      <c r="G104" s="421">
        <v>7868637.0600000005</v>
      </c>
      <c r="H104" s="421">
        <v>623494.3899999999</v>
      </c>
      <c r="I104" s="421">
        <v>2121519.86</v>
      </c>
      <c r="J104" s="421">
        <v>3.6161077095981792E-2</v>
      </c>
      <c r="K104" s="421">
        <v>15334880.140000001</v>
      </c>
      <c r="L104" s="422">
        <v>0</v>
      </c>
    </row>
    <row r="105" spans="1:12" s="264" customFormat="1" ht="10.5" x14ac:dyDescent="0.2">
      <c r="A105" s="442" t="s">
        <v>686</v>
      </c>
      <c r="B105" s="421">
        <v>0</v>
      </c>
      <c r="C105" s="421">
        <v>0</v>
      </c>
      <c r="D105" s="421">
        <v>0</v>
      </c>
      <c r="E105" s="421">
        <v>0</v>
      </c>
      <c r="F105" s="421">
        <v>0</v>
      </c>
      <c r="G105" s="421">
        <v>0</v>
      </c>
      <c r="H105" s="421">
        <v>0</v>
      </c>
      <c r="I105" s="421">
        <v>0</v>
      </c>
      <c r="J105" s="421">
        <v>0</v>
      </c>
      <c r="K105" s="421">
        <v>0</v>
      </c>
      <c r="L105" s="422">
        <v>0</v>
      </c>
    </row>
    <row r="106" spans="1:12" ht="10.5" x14ac:dyDescent="0.2">
      <c r="A106" s="442"/>
      <c r="B106" s="421"/>
      <c r="C106" s="419"/>
      <c r="D106" s="419"/>
      <c r="E106" s="419"/>
      <c r="F106" s="419"/>
      <c r="G106" s="419"/>
      <c r="H106" s="419"/>
      <c r="I106" s="419"/>
      <c r="J106" s="419"/>
      <c r="K106" s="419"/>
      <c r="L106" s="420"/>
    </row>
    <row r="107" spans="1:12" s="66" customFormat="1" ht="10.5" x14ac:dyDescent="0.2">
      <c r="A107" s="171" t="s">
        <v>746</v>
      </c>
      <c r="B107" s="419">
        <v>135754500</v>
      </c>
      <c r="C107" s="419">
        <v>135722500</v>
      </c>
      <c r="D107" s="419">
        <v>8585878.1600000001</v>
      </c>
      <c r="E107" s="419">
        <v>26460647.570000011</v>
      </c>
      <c r="F107" s="419">
        <v>0.24500464266890598</v>
      </c>
      <c r="G107" s="419">
        <v>109261852.42999998</v>
      </c>
      <c r="H107" s="419">
        <v>10957050.219999999</v>
      </c>
      <c r="I107" s="419">
        <v>17107457.039999999</v>
      </c>
      <c r="J107" s="419">
        <v>0.29159475930601775</v>
      </c>
      <c r="K107" s="419">
        <v>118615042.95999999</v>
      </c>
      <c r="L107" s="420">
        <v>0</v>
      </c>
    </row>
    <row r="108" spans="1:12" ht="10.5" x14ac:dyDescent="0.2">
      <c r="A108" s="442" t="s">
        <v>647</v>
      </c>
      <c r="B108" s="421">
        <v>11933500</v>
      </c>
      <c r="C108" s="421">
        <v>11799800</v>
      </c>
      <c r="D108" s="421">
        <v>446294.43000000122</v>
      </c>
      <c r="E108" s="421">
        <v>10213680.14000001</v>
      </c>
      <c r="F108" s="421">
        <v>9.457059002109687E-2</v>
      </c>
      <c r="G108" s="421">
        <v>1586119.8599999901</v>
      </c>
      <c r="H108" s="421">
        <v>2037309.27</v>
      </c>
      <c r="I108" s="421">
        <v>6184843.1699999962</v>
      </c>
      <c r="J108" s="421">
        <v>0.10541998447138096</v>
      </c>
      <c r="K108" s="421">
        <v>5614956.8300000038</v>
      </c>
      <c r="L108" s="420">
        <v>0</v>
      </c>
    </row>
    <row r="109" spans="1:12" ht="10.5" x14ac:dyDescent="0.2">
      <c r="A109" s="442" t="s">
        <v>648</v>
      </c>
      <c r="B109" s="421">
        <v>1000</v>
      </c>
      <c r="C109" s="421">
        <v>1000</v>
      </c>
      <c r="D109" s="421">
        <v>0</v>
      </c>
      <c r="E109" s="421">
        <v>0</v>
      </c>
      <c r="F109" s="421">
        <v>0</v>
      </c>
      <c r="G109" s="421">
        <v>1000</v>
      </c>
      <c r="H109" s="421">
        <v>0</v>
      </c>
      <c r="I109" s="421">
        <v>0</v>
      </c>
      <c r="J109" s="421">
        <v>0</v>
      </c>
      <c r="K109" s="421">
        <v>1000</v>
      </c>
      <c r="L109" s="420">
        <v>0</v>
      </c>
    </row>
    <row r="110" spans="1:12" ht="10.5" x14ac:dyDescent="0.2">
      <c r="A110" s="442" t="s">
        <v>688</v>
      </c>
      <c r="B110" s="421">
        <v>123820000</v>
      </c>
      <c r="C110" s="421">
        <v>123921700</v>
      </c>
      <c r="D110" s="421">
        <v>8139583.7299999986</v>
      </c>
      <c r="E110" s="421">
        <v>16246967.430000002</v>
      </c>
      <c r="F110" s="421">
        <v>0.15043405264780912</v>
      </c>
      <c r="G110" s="421">
        <v>107674732.56999999</v>
      </c>
      <c r="H110" s="421">
        <v>8919740.9499999993</v>
      </c>
      <c r="I110" s="421">
        <v>10922613.870000001</v>
      </c>
      <c r="J110" s="421">
        <v>0.18617477483463676</v>
      </c>
      <c r="K110" s="421">
        <v>112999086.13</v>
      </c>
      <c r="L110" s="420">
        <v>0</v>
      </c>
    </row>
    <row r="111" spans="1:12" ht="10.5" x14ac:dyDescent="0.2">
      <c r="A111" s="442"/>
      <c r="B111" s="421"/>
      <c r="C111" s="421"/>
      <c r="D111" s="421"/>
      <c r="E111" s="421"/>
      <c r="F111" s="421"/>
      <c r="G111" s="421"/>
      <c r="H111" s="421"/>
      <c r="I111" s="421"/>
      <c r="J111" s="421"/>
      <c r="K111" s="421"/>
      <c r="L111" s="420"/>
    </row>
    <row r="112" spans="1:12" s="66" customFormat="1" ht="10.5" x14ac:dyDescent="0.2">
      <c r="A112" s="142" t="s">
        <v>689</v>
      </c>
      <c r="B112" s="419">
        <v>104391400</v>
      </c>
      <c r="C112" s="419">
        <v>115244400</v>
      </c>
      <c r="D112" s="419">
        <v>21250533.919999994</v>
      </c>
      <c r="E112" s="419">
        <v>74459836.819999993</v>
      </c>
      <c r="F112" s="419">
        <v>0.68943912521446804</v>
      </c>
      <c r="G112" s="419">
        <v>40784563.180000007</v>
      </c>
      <c r="H112" s="419">
        <v>2037500.939999999</v>
      </c>
      <c r="I112" s="419">
        <v>4549562.870000001</v>
      </c>
      <c r="J112" s="419">
        <v>7.7546808209038517E-2</v>
      </c>
      <c r="K112" s="419">
        <v>110694837.13</v>
      </c>
      <c r="L112" s="420">
        <v>0</v>
      </c>
    </row>
    <row r="113" spans="1:12" ht="10.5" x14ac:dyDescent="0.2">
      <c r="A113" s="442" t="s">
        <v>690</v>
      </c>
      <c r="B113" s="421">
        <v>104391400</v>
      </c>
      <c r="C113" s="421">
        <v>115244400</v>
      </c>
      <c r="D113" s="421">
        <v>21250533.919999994</v>
      </c>
      <c r="E113" s="421">
        <v>74459836.819999993</v>
      </c>
      <c r="F113" s="421">
        <v>0.68943912521446804</v>
      </c>
      <c r="G113" s="421">
        <v>40784563.180000007</v>
      </c>
      <c r="H113" s="421">
        <v>2037500.939999999</v>
      </c>
      <c r="I113" s="421">
        <v>4549562.870000001</v>
      </c>
      <c r="J113" s="421">
        <v>7.7546808209038517E-2</v>
      </c>
      <c r="K113" s="421">
        <v>110694837.13</v>
      </c>
      <c r="L113" s="420">
        <v>0</v>
      </c>
    </row>
    <row r="114" spans="1:12" ht="10.5" x14ac:dyDescent="0.2">
      <c r="A114" s="442"/>
      <c r="B114" s="421"/>
      <c r="C114" s="419"/>
      <c r="D114" s="419"/>
      <c r="E114" s="419"/>
      <c r="F114" s="419"/>
      <c r="G114" s="419"/>
      <c r="H114" s="419"/>
      <c r="I114" s="419"/>
      <c r="J114" s="421"/>
      <c r="K114" s="421"/>
      <c r="L114" s="420"/>
    </row>
    <row r="115" spans="1:12" s="66" customFormat="1" ht="10.5" x14ac:dyDescent="0.2">
      <c r="A115" s="142" t="s">
        <v>691</v>
      </c>
      <c r="B115" s="419">
        <v>98683000</v>
      </c>
      <c r="C115" s="419">
        <v>97442790.090000004</v>
      </c>
      <c r="D115" s="419">
        <v>9845624.0600000005</v>
      </c>
      <c r="E115" s="419">
        <v>24633400.510000002</v>
      </c>
      <c r="F115" s="419">
        <v>0.2280857818655643</v>
      </c>
      <c r="G115" s="419">
        <v>72809389.579999998</v>
      </c>
      <c r="H115" s="419">
        <v>5834986.2300000032</v>
      </c>
      <c r="I115" s="419">
        <v>16458803.110000007</v>
      </c>
      <c r="J115" s="419">
        <v>0.28053852306067745</v>
      </c>
      <c r="K115" s="419">
        <v>80983986.980000004</v>
      </c>
      <c r="L115" s="420">
        <v>0</v>
      </c>
    </row>
    <row r="116" spans="1:12" ht="10.5" x14ac:dyDescent="0.2">
      <c r="A116" s="442" t="s">
        <v>747</v>
      </c>
      <c r="B116" s="421">
        <v>36057800</v>
      </c>
      <c r="C116" s="421">
        <v>34117090.090000004</v>
      </c>
      <c r="D116" s="421">
        <v>4196416.3600000013</v>
      </c>
      <c r="E116" s="421">
        <v>14745613.180000002</v>
      </c>
      <c r="F116" s="421">
        <v>0.13653270119495453</v>
      </c>
      <c r="G116" s="421">
        <v>19371476.910000004</v>
      </c>
      <c r="H116" s="421">
        <v>4623001.4000000032</v>
      </c>
      <c r="I116" s="421">
        <v>13330209.470000008</v>
      </c>
      <c r="J116" s="421">
        <v>0.22721198205057433</v>
      </c>
      <c r="K116" s="421">
        <v>20786880.619999997</v>
      </c>
      <c r="L116" s="420">
        <v>0</v>
      </c>
    </row>
    <row r="117" spans="1:12" ht="10.5" x14ac:dyDescent="0.2">
      <c r="A117" s="442" t="s">
        <v>692</v>
      </c>
      <c r="B117" s="421">
        <v>42339400</v>
      </c>
      <c r="C117" s="421">
        <v>42042900</v>
      </c>
      <c r="D117" s="421">
        <v>679978.76000000013</v>
      </c>
      <c r="E117" s="421">
        <v>2021089.0299999993</v>
      </c>
      <c r="F117" s="421">
        <v>1.8713683944704587E-2</v>
      </c>
      <c r="G117" s="421">
        <v>40021810.969999999</v>
      </c>
      <c r="H117" s="421">
        <v>440412.29000000004</v>
      </c>
      <c r="I117" s="421">
        <v>1220631.9999999995</v>
      </c>
      <c r="J117" s="421">
        <v>2.0805540730513092E-2</v>
      </c>
      <c r="K117" s="421">
        <v>40822268</v>
      </c>
      <c r="L117" s="420">
        <v>0</v>
      </c>
    </row>
    <row r="118" spans="1:12" ht="10.5" x14ac:dyDescent="0.2">
      <c r="A118" s="442" t="s">
        <v>693</v>
      </c>
      <c r="B118" s="421">
        <v>18840000</v>
      </c>
      <c r="C118" s="421">
        <v>19837000</v>
      </c>
      <c r="D118" s="421">
        <v>4897899.6600000011</v>
      </c>
      <c r="E118" s="421">
        <v>7570012.620000001</v>
      </c>
      <c r="F118" s="421">
        <v>7.0092322270486604E-2</v>
      </c>
      <c r="G118" s="421">
        <v>12266987.379999999</v>
      </c>
      <c r="H118" s="421">
        <v>704003.74000000011</v>
      </c>
      <c r="I118" s="421">
        <v>1655961.6999999997</v>
      </c>
      <c r="J118" s="421">
        <v>2.822568849376365E-2</v>
      </c>
      <c r="K118" s="421">
        <v>18181038.300000001</v>
      </c>
      <c r="L118" s="420">
        <v>0</v>
      </c>
    </row>
    <row r="119" spans="1:12" ht="10.5" x14ac:dyDescent="0.2">
      <c r="A119" s="442" t="s">
        <v>695</v>
      </c>
      <c r="B119" s="421">
        <v>945800</v>
      </c>
      <c r="C119" s="421">
        <v>945800</v>
      </c>
      <c r="D119" s="421">
        <v>71329.279999999999</v>
      </c>
      <c r="E119" s="421">
        <v>296685.67999999993</v>
      </c>
      <c r="F119" s="421">
        <v>2.7470744554186034E-3</v>
      </c>
      <c r="G119" s="421">
        <v>649114.32000000007</v>
      </c>
      <c r="H119" s="421">
        <v>67568.800000000003</v>
      </c>
      <c r="I119" s="421">
        <v>251999.93999999997</v>
      </c>
      <c r="J119" s="421">
        <v>4.2953117858264053E-3</v>
      </c>
      <c r="K119" s="421">
        <v>693800.06</v>
      </c>
      <c r="L119" s="420">
        <v>0</v>
      </c>
    </row>
    <row r="120" spans="1:12" ht="10.5" x14ac:dyDescent="0.2">
      <c r="A120" s="442" t="s">
        <v>696</v>
      </c>
      <c r="B120" s="421">
        <v>500000</v>
      </c>
      <c r="C120" s="421">
        <v>500000</v>
      </c>
      <c r="D120" s="421">
        <v>0</v>
      </c>
      <c r="E120" s="421">
        <v>0</v>
      </c>
      <c r="F120" s="421">
        <v>0</v>
      </c>
      <c r="G120" s="421">
        <v>500000</v>
      </c>
      <c r="H120" s="421">
        <v>0</v>
      </c>
      <c r="I120" s="421">
        <v>0</v>
      </c>
      <c r="J120" s="421">
        <v>0</v>
      </c>
      <c r="K120" s="421">
        <v>500000</v>
      </c>
      <c r="L120" s="420">
        <v>0</v>
      </c>
    </row>
    <row r="121" spans="1:12" ht="10.5" x14ac:dyDescent="0.2">
      <c r="A121" s="442"/>
      <c r="B121" s="421"/>
      <c r="C121" s="419"/>
      <c r="D121" s="419"/>
      <c r="E121" s="419"/>
      <c r="F121" s="419"/>
      <c r="G121" s="419"/>
      <c r="H121" s="419"/>
      <c r="I121" s="419"/>
      <c r="J121" s="419"/>
      <c r="K121" s="419"/>
      <c r="L121" s="420"/>
    </row>
    <row r="122" spans="1:12" s="66" customFormat="1" ht="10.5" x14ac:dyDescent="0.2">
      <c r="A122" s="142" t="s">
        <v>697</v>
      </c>
      <c r="B122" s="419">
        <v>67656700</v>
      </c>
      <c r="C122" s="419">
        <v>66168700</v>
      </c>
      <c r="D122" s="419">
        <v>2480022.2199999997</v>
      </c>
      <c r="E122" s="419">
        <v>5281987.3500000006</v>
      </c>
      <c r="F122" s="419">
        <v>4.8907020126583815E-2</v>
      </c>
      <c r="G122" s="419">
        <v>60886712.650000006</v>
      </c>
      <c r="H122" s="419">
        <v>2138403.1800000002</v>
      </c>
      <c r="I122" s="419">
        <v>3367430.87</v>
      </c>
      <c r="J122" s="419">
        <v>5.7397495824271498E-2</v>
      </c>
      <c r="K122" s="419">
        <v>62801269.130000003</v>
      </c>
      <c r="L122" s="420">
        <v>0</v>
      </c>
    </row>
    <row r="123" spans="1:12" ht="10.5" x14ac:dyDescent="0.2">
      <c r="A123" s="442" t="s">
        <v>698</v>
      </c>
      <c r="B123" s="421">
        <v>56637000</v>
      </c>
      <c r="C123" s="421">
        <v>55173000</v>
      </c>
      <c r="D123" s="421">
        <v>2133979.92</v>
      </c>
      <c r="E123" s="421">
        <v>4795320.0500000007</v>
      </c>
      <c r="F123" s="421">
        <v>4.4400866313843212E-2</v>
      </c>
      <c r="G123" s="421">
        <v>50377679.950000003</v>
      </c>
      <c r="H123" s="421">
        <v>1899906.51</v>
      </c>
      <c r="I123" s="421">
        <v>3018932.2</v>
      </c>
      <c r="J123" s="421">
        <v>5.1457373598068477E-2</v>
      </c>
      <c r="K123" s="421">
        <v>52154067.799999997</v>
      </c>
      <c r="L123" s="420">
        <v>0</v>
      </c>
    </row>
    <row r="124" spans="1:12" ht="10.5" x14ac:dyDescent="0.2">
      <c r="A124" s="442" t="s">
        <v>700</v>
      </c>
      <c r="B124" s="421">
        <v>7344700</v>
      </c>
      <c r="C124" s="421">
        <v>7344700</v>
      </c>
      <c r="D124" s="421">
        <v>85450</v>
      </c>
      <c r="E124" s="421">
        <v>115450</v>
      </c>
      <c r="F124" s="421">
        <v>1.0689755767048744E-3</v>
      </c>
      <c r="G124" s="421">
        <v>7229250</v>
      </c>
      <c r="H124" s="421">
        <v>8914.869999999999</v>
      </c>
      <c r="I124" s="421">
        <v>13516.869999999999</v>
      </c>
      <c r="J124" s="421">
        <v>2.3039359064324922E-4</v>
      </c>
      <c r="K124" s="421">
        <v>7331183.1299999999</v>
      </c>
      <c r="L124" s="420">
        <v>0</v>
      </c>
    </row>
    <row r="125" spans="1:12" s="264" customFormat="1" ht="10.5" x14ac:dyDescent="0.2">
      <c r="A125" s="442" t="s">
        <v>679</v>
      </c>
      <c r="B125" s="421">
        <v>3500000</v>
      </c>
      <c r="C125" s="421">
        <v>3476000</v>
      </c>
      <c r="D125" s="421">
        <v>260592.29999999996</v>
      </c>
      <c r="E125" s="421">
        <v>371217.3</v>
      </c>
      <c r="F125" s="421">
        <v>3.4371782360357421E-3</v>
      </c>
      <c r="G125" s="421">
        <v>3104782.7</v>
      </c>
      <c r="H125" s="421">
        <v>229581.8</v>
      </c>
      <c r="I125" s="421">
        <v>334981.80000000005</v>
      </c>
      <c r="J125" s="421">
        <v>5.7097286355597705E-3</v>
      </c>
      <c r="K125" s="421">
        <v>3141018.2</v>
      </c>
      <c r="L125" s="420">
        <v>0</v>
      </c>
    </row>
    <row r="126" spans="1:12" s="264" customFormat="1" ht="10.5" x14ac:dyDescent="0.2">
      <c r="A126" s="442" t="s">
        <v>650</v>
      </c>
      <c r="B126" s="421">
        <v>175000</v>
      </c>
      <c r="C126" s="421">
        <v>175000</v>
      </c>
      <c r="D126" s="421">
        <v>0</v>
      </c>
      <c r="E126" s="421">
        <v>0</v>
      </c>
      <c r="F126" s="421">
        <v>0</v>
      </c>
      <c r="G126" s="421">
        <v>175000</v>
      </c>
      <c r="H126" s="421">
        <v>0</v>
      </c>
      <c r="I126" s="421">
        <v>0</v>
      </c>
      <c r="J126" s="421">
        <v>0</v>
      </c>
      <c r="K126" s="421">
        <v>175000</v>
      </c>
      <c r="L126" s="420">
        <v>0</v>
      </c>
    </row>
    <row r="127" spans="1:12" ht="10.5" x14ac:dyDescent="0.2">
      <c r="A127" s="442"/>
      <c r="B127" s="421"/>
      <c r="C127" s="419"/>
      <c r="D127" s="419"/>
      <c r="E127" s="419"/>
      <c r="F127" s="419"/>
      <c r="G127" s="421"/>
      <c r="H127" s="419"/>
      <c r="I127" s="419"/>
      <c r="J127" s="421"/>
      <c r="K127" s="421"/>
      <c r="L127" s="420"/>
    </row>
    <row r="128" spans="1:12" s="66" customFormat="1" ht="10.5" x14ac:dyDescent="0.2">
      <c r="A128" s="142" t="s">
        <v>701</v>
      </c>
      <c r="B128" s="419">
        <v>204260800</v>
      </c>
      <c r="C128" s="419">
        <v>224963378.84</v>
      </c>
      <c r="D128" s="419">
        <v>38637620.020000041</v>
      </c>
      <c r="E128" s="419">
        <v>123119443.98999995</v>
      </c>
      <c r="F128" s="419">
        <v>1.1399885547232023</v>
      </c>
      <c r="G128" s="419">
        <v>101843934.85000005</v>
      </c>
      <c r="H128" s="419">
        <v>25628714.320000004</v>
      </c>
      <c r="I128" s="419">
        <v>64140445.980000071</v>
      </c>
      <c r="J128" s="419">
        <v>1.0932669808018853</v>
      </c>
      <c r="K128" s="419">
        <v>160822932.85999992</v>
      </c>
      <c r="L128" s="420">
        <v>0</v>
      </c>
    </row>
    <row r="129" spans="1:12" ht="10.5" x14ac:dyDescent="0.2">
      <c r="A129" s="442" t="s">
        <v>647</v>
      </c>
      <c r="B129" s="421">
        <v>91093300</v>
      </c>
      <c r="C129" s="421">
        <v>109593918.84</v>
      </c>
      <c r="D129" s="421">
        <v>28436878.950000037</v>
      </c>
      <c r="E129" s="421">
        <v>100692771.81999995</v>
      </c>
      <c r="F129" s="421">
        <v>0.93233532980768108</v>
      </c>
      <c r="G129" s="421">
        <v>8901147.0200000554</v>
      </c>
      <c r="H129" s="421">
        <v>18132706.990000002</v>
      </c>
      <c r="I129" s="421">
        <v>49400855.600000069</v>
      </c>
      <c r="J129" s="421">
        <v>0.84203225321636455</v>
      </c>
      <c r="K129" s="421">
        <v>60193063.239999935</v>
      </c>
      <c r="L129" s="420">
        <v>0</v>
      </c>
    </row>
    <row r="130" spans="1:12" ht="10.5" x14ac:dyDescent="0.2">
      <c r="A130" s="442" t="s">
        <v>650</v>
      </c>
      <c r="B130" s="421">
        <v>0</v>
      </c>
      <c r="C130" s="421">
        <v>0</v>
      </c>
      <c r="D130" s="421">
        <v>0</v>
      </c>
      <c r="E130" s="421">
        <v>0</v>
      </c>
      <c r="F130" s="421">
        <v>0</v>
      </c>
      <c r="G130" s="421">
        <v>0</v>
      </c>
      <c r="H130" s="421">
        <v>0</v>
      </c>
      <c r="I130" s="421">
        <v>0</v>
      </c>
      <c r="J130" s="421">
        <v>0</v>
      </c>
      <c r="K130" s="421">
        <v>0</v>
      </c>
      <c r="L130" s="420">
        <v>0</v>
      </c>
    </row>
    <row r="131" spans="1:12" ht="10.5" x14ac:dyDescent="0.2">
      <c r="A131" s="442" t="s">
        <v>693</v>
      </c>
      <c r="B131" s="421">
        <v>1699800</v>
      </c>
      <c r="C131" s="421">
        <v>1694800</v>
      </c>
      <c r="D131" s="421">
        <v>0</v>
      </c>
      <c r="E131" s="421">
        <v>0</v>
      </c>
      <c r="F131" s="421">
        <v>0</v>
      </c>
      <c r="G131" s="421">
        <v>1694800</v>
      </c>
      <c r="H131" s="421">
        <v>0</v>
      </c>
      <c r="I131" s="421">
        <v>0</v>
      </c>
      <c r="J131" s="421">
        <v>0</v>
      </c>
      <c r="K131" s="421">
        <v>1694800</v>
      </c>
      <c r="L131" s="420">
        <v>0</v>
      </c>
    </row>
    <row r="132" spans="1:12" ht="10.5" x14ac:dyDescent="0.2">
      <c r="A132" s="442" t="s">
        <v>694</v>
      </c>
      <c r="B132" s="421">
        <v>0</v>
      </c>
      <c r="C132" s="421">
        <v>0</v>
      </c>
      <c r="D132" s="421">
        <v>0</v>
      </c>
      <c r="E132" s="421">
        <v>0</v>
      </c>
      <c r="F132" s="421">
        <v>0</v>
      </c>
      <c r="G132" s="421">
        <v>0</v>
      </c>
      <c r="H132" s="421">
        <v>0</v>
      </c>
      <c r="I132" s="421">
        <v>0</v>
      </c>
      <c r="J132" s="421">
        <v>0</v>
      </c>
      <c r="K132" s="421">
        <v>0</v>
      </c>
      <c r="L132" s="420">
        <v>0</v>
      </c>
    </row>
    <row r="133" spans="1:12" ht="10.5" x14ac:dyDescent="0.2">
      <c r="A133" s="442" t="s">
        <v>699</v>
      </c>
      <c r="B133" s="421">
        <v>0</v>
      </c>
      <c r="C133" s="421">
        <v>0</v>
      </c>
      <c r="D133" s="421">
        <v>0</v>
      </c>
      <c r="E133" s="421">
        <v>0</v>
      </c>
      <c r="F133" s="421">
        <v>0</v>
      </c>
      <c r="G133" s="421">
        <v>0</v>
      </c>
      <c r="H133" s="421">
        <v>0</v>
      </c>
      <c r="I133" s="421">
        <v>0</v>
      </c>
      <c r="J133" s="421">
        <v>0</v>
      </c>
      <c r="K133" s="421">
        <v>0</v>
      </c>
      <c r="L133" s="420">
        <v>0</v>
      </c>
    </row>
    <row r="134" spans="1:12" ht="10.5" x14ac:dyDescent="0.2">
      <c r="A134" s="442" t="s">
        <v>700</v>
      </c>
      <c r="B134" s="421">
        <v>4970000</v>
      </c>
      <c r="C134" s="421">
        <v>4970000</v>
      </c>
      <c r="D134" s="421">
        <v>346009.1700000001</v>
      </c>
      <c r="E134" s="421">
        <v>741908.21999999974</v>
      </c>
      <c r="F134" s="421">
        <v>6.8694826101046904E-3</v>
      </c>
      <c r="G134" s="421">
        <v>4228091.78</v>
      </c>
      <c r="H134" s="421">
        <v>18776.96</v>
      </c>
      <c r="I134" s="421">
        <v>401377.17000000022</v>
      </c>
      <c r="J134" s="421">
        <v>6.8414305529701704E-3</v>
      </c>
      <c r="K134" s="421">
        <v>4568622.83</v>
      </c>
      <c r="L134" s="420">
        <v>0</v>
      </c>
    </row>
    <row r="135" spans="1:12" ht="10.5" x14ac:dyDescent="0.2">
      <c r="A135" s="442" t="s">
        <v>702</v>
      </c>
      <c r="B135" s="421">
        <v>58594500</v>
      </c>
      <c r="C135" s="421">
        <v>60009376</v>
      </c>
      <c r="D135" s="421">
        <v>989253.89000000013</v>
      </c>
      <c r="E135" s="421">
        <v>2338544.4899999993</v>
      </c>
      <c r="F135" s="421">
        <v>2.1653070115615035E-2</v>
      </c>
      <c r="G135" s="421">
        <v>57670831.509999998</v>
      </c>
      <c r="H135" s="421">
        <v>468167.36999999988</v>
      </c>
      <c r="I135" s="421">
        <v>1354875.9899999993</v>
      </c>
      <c r="J135" s="421">
        <v>2.3093715054774287E-2</v>
      </c>
      <c r="K135" s="421">
        <v>58654500.009999998</v>
      </c>
      <c r="L135" s="420">
        <v>0</v>
      </c>
    </row>
    <row r="136" spans="1:12" ht="10.5" x14ac:dyDescent="0.2">
      <c r="A136" s="442" t="s">
        <v>703</v>
      </c>
      <c r="B136" s="421">
        <v>0</v>
      </c>
      <c r="C136" s="421">
        <v>0</v>
      </c>
      <c r="D136" s="421">
        <v>0</v>
      </c>
      <c r="E136" s="421">
        <v>0</v>
      </c>
      <c r="F136" s="421">
        <v>0</v>
      </c>
      <c r="G136" s="421">
        <v>0</v>
      </c>
      <c r="H136" s="421">
        <v>0</v>
      </c>
      <c r="I136" s="421">
        <v>0</v>
      </c>
      <c r="J136" s="421">
        <v>0</v>
      </c>
      <c r="K136" s="421">
        <v>0</v>
      </c>
      <c r="L136" s="420">
        <v>0</v>
      </c>
    </row>
    <row r="137" spans="1:12" ht="10.5" x14ac:dyDescent="0.2">
      <c r="A137" s="442" t="s">
        <v>748</v>
      </c>
      <c r="B137" s="421">
        <v>4435000</v>
      </c>
      <c r="C137" s="421">
        <v>7435000</v>
      </c>
      <c r="D137" s="421">
        <v>2783700</v>
      </c>
      <c r="E137" s="421">
        <v>3698426.58</v>
      </c>
      <c r="F137" s="421">
        <v>3.424450139676169E-2</v>
      </c>
      <c r="G137" s="421">
        <v>3736573.42</v>
      </c>
      <c r="H137" s="421">
        <v>2261300</v>
      </c>
      <c r="I137" s="421">
        <v>2775855</v>
      </c>
      <c r="J137" s="421">
        <v>4.7314148952754348E-2</v>
      </c>
      <c r="K137" s="421">
        <v>4659145</v>
      </c>
      <c r="L137" s="420">
        <v>0</v>
      </c>
    </row>
    <row r="138" spans="1:12" ht="10.5" x14ac:dyDescent="0.2">
      <c r="A138" s="22" t="s">
        <v>749</v>
      </c>
      <c r="B138" s="421">
        <v>36593200</v>
      </c>
      <c r="C138" s="421">
        <v>35710324</v>
      </c>
      <c r="D138" s="421">
        <v>6031778.0099999998</v>
      </c>
      <c r="E138" s="421">
        <v>15165836.32</v>
      </c>
      <c r="F138" s="421">
        <v>0.14042363470232769</v>
      </c>
      <c r="G138" s="421">
        <v>20544487.68</v>
      </c>
      <c r="H138" s="421">
        <v>4542545.6700000009</v>
      </c>
      <c r="I138" s="421">
        <v>9725525.7800000012</v>
      </c>
      <c r="J138" s="421">
        <v>0.16577053750962226</v>
      </c>
      <c r="K138" s="421">
        <v>25984798.219999999</v>
      </c>
      <c r="L138" s="420">
        <v>0</v>
      </c>
    </row>
    <row r="139" spans="1:12" s="264" customFormat="1" ht="10.5" x14ac:dyDescent="0.2">
      <c r="A139" s="442" t="s">
        <v>867</v>
      </c>
      <c r="B139" s="421">
        <v>1201200</v>
      </c>
      <c r="C139" s="421">
        <v>1169200</v>
      </c>
      <c r="D139" s="421">
        <v>0</v>
      </c>
      <c r="E139" s="421">
        <v>0</v>
      </c>
      <c r="F139" s="421">
        <v>0</v>
      </c>
      <c r="G139" s="421">
        <v>1169200</v>
      </c>
      <c r="H139" s="421">
        <v>0</v>
      </c>
      <c r="I139" s="421">
        <v>0</v>
      </c>
      <c r="J139" s="421">
        <v>0</v>
      </c>
      <c r="K139" s="421">
        <v>1169200</v>
      </c>
      <c r="L139" s="420">
        <v>0</v>
      </c>
    </row>
    <row r="140" spans="1:12" s="264" customFormat="1" ht="10.5" x14ac:dyDescent="0.2">
      <c r="A140" s="442" t="s">
        <v>868</v>
      </c>
      <c r="B140" s="421">
        <v>2373800</v>
      </c>
      <c r="C140" s="421">
        <v>1080760</v>
      </c>
      <c r="D140" s="421">
        <v>50000.000000000022</v>
      </c>
      <c r="E140" s="421">
        <v>481956.56000000006</v>
      </c>
      <c r="F140" s="421">
        <v>4.4625360907119748E-3</v>
      </c>
      <c r="G140" s="421">
        <v>598803.43999999994</v>
      </c>
      <c r="H140" s="421">
        <v>205217.33000000002</v>
      </c>
      <c r="I140" s="421">
        <v>481956.44</v>
      </c>
      <c r="J140" s="421">
        <v>8.2148955153994764E-3</v>
      </c>
      <c r="K140" s="421">
        <v>598803.56000000006</v>
      </c>
      <c r="L140" s="420">
        <v>0</v>
      </c>
    </row>
    <row r="141" spans="1:12" s="264" customFormat="1" ht="10.5" x14ac:dyDescent="0.2">
      <c r="A141" s="22" t="s">
        <v>869</v>
      </c>
      <c r="B141" s="421">
        <v>3300000</v>
      </c>
      <c r="C141" s="421">
        <v>3300000</v>
      </c>
      <c r="D141" s="421">
        <v>0</v>
      </c>
      <c r="E141" s="421">
        <v>0</v>
      </c>
      <c r="F141" s="421">
        <v>0</v>
      </c>
      <c r="G141" s="421">
        <v>3300000</v>
      </c>
      <c r="H141" s="421">
        <v>0</v>
      </c>
      <c r="I141" s="421">
        <v>0</v>
      </c>
      <c r="J141" s="421">
        <v>0</v>
      </c>
      <c r="K141" s="421">
        <v>3300000</v>
      </c>
      <c r="L141" s="420">
        <v>0</v>
      </c>
    </row>
    <row r="142" spans="1:12" ht="10.5" x14ac:dyDescent="0.2">
      <c r="A142" s="442"/>
      <c r="B142" s="421"/>
      <c r="C142" s="421"/>
      <c r="D142" s="421"/>
      <c r="E142" s="421"/>
      <c r="F142" s="421"/>
      <c r="G142" s="421"/>
      <c r="H142" s="421"/>
      <c r="I142" s="421"/>
      <c r="J142" s="419"/>
      <c r="K142" s="419"/>
      <c r="L142" s="420"/>
    </row>
    <row r="143" spans="1:12" s="66" customFormat="1" ht="10.5" x14ac:dyDescent="0.2">
      <c r="A143" s="142" t="s">
        <v>704</v>
      </c>
      <c r="B143" s="419">
        <v>4487700</v>
      </c>
      <c r="C143" s="419">
        <v>3987700</v>
      </c>
      <c r="D143" s="419">
        <v>163571.08000000007</v>
      </c>
      <c r="E143" s="419">
        <v>910697.56</v>
      </c>
      <c r="F143" s="419">
        <v>8.4323382365069036E-3</v>
      </c>
      <c r="G143" s="419">
        <v>3077002.44</v>
      </c>
      <c r="H143" s="419">
        <v>204000.52000000008</v>
      </c>
      <c r="I143" s="419">
        <v>639148.83000000019</v>
      </c>
      <c r="J143" s="419">
        <v>1.0894222841466385E-2</v>
      </c>
      <c r="K143" s="419">
        <v>3348551.17</v>
      </c>
      <c r="L143" s="420">
        <v>0</v>
      </c>
    </row>
    <row r="144" spans="1:12" ht="10.5" x14ac:dyDescent="0.2">
      <c r="A144" s="442" t="s">
        <v>705</v>
      </c>
      <c r="B144" s="421">
        <v>4487700</v>
      </c>
      <c r="C144" s="421">
        <v>3987700</v>
      </c>
      <c r="D144" s="421">
        <v>163571.08000000007</v>
      </c>
      <c r="E144" s="421">
        <v>910697.56</v>
      </c>
      <c r="F144" s="421">
        <v>8.4323382365069036E-3</v>
      </c>
      <c r="G144" s="421">
        <v>3077002.44</v>
      </c>
      <c r="H144" s="421">
        <v>204000.52000000008</v>
      </c>
      <c r="I144" s="421">
        <v>639148.83000000019</v>
      </c>
      <c r="J144" s="421">
        <v>1.0894222841466385E-2</v>
      </c>
      <c r="K144" s="421">
        <v>3348551.17</v>
      </c>
      <c r="L144" s="420">
        <v>0</v>
      </c>
    </row>
    <row r="145" spans="1:12" ht="10.5" x14ac:dyDescent="0.2">
      <c r="A145" s="442"/>
      <c r="B145" s="421"/>
      <c r="C145" s="419"/>
      <c r="D145" s="419"/>
      <c r="E145" s="419"/>
      <c r="F145" s="419"/>
      <c r="G145" s="419"/>
      <c r="H145" s="419"/>
      <c r="I145" s="419"/>
      <c r="J145" s="419"/>
      <c r="K145" s="419"/>
      <c r="L145" s="420"/>
    </row>
    <row r="146" spans="1:12" s="66" customFormat="1" ht="10.5" x14ac:dyDescent="0.2">
      <c r="A146" s="142" t="s">
        <v>706</v>
      </c>
      <c r="B146" s="419">
        <v>19423800</v>
      </c>
      <c r="C146" s="419">
        <v>18852654</v>
      </c>
      <c r="D146" s="419">
        <v>2437000</v>
      </c>
      <c r="E146" s="419">
        <v>5034310.2699999996</v>
      </c>
      <c r="F146" s="419">
        <v>4.6613726497917035E-2</v>
      </c>
      <c r="G146" s="419">
        <v>13818343.73</v>
      </c>
      <c r="H146" s="419">
        <v>1737000</v>
      </c>
      <c r="I146" s="419">
        <v>2637911.44</v>
      </c>
      <c r="J146" s="419">
        <v>4.4962915857036732E-2</v>
      </c>
      <c r="K146" s="419">
        <v>16214742.560000001</v>
      </c>
      <c r="L146" s="420">
        <v>0</v>
      </c>
    </row>
    <row r="147" spans="1:12" ht="10.5" x14ac:dyDescent="0.2">
      <c r="A147" s="442" t="s">
        <v>707</v>
      </c>
      <c r="B147" s="421">
        <v>19423800</v>
      </c>
      <c r="C147" s="421">
        <v>18852654</v>
      </c>
      <c r="D147" s="421">
        <v>2437000</v>
      </c>
      <c r="E147" s="421">
        <v>5034310.2699999996</v>
      </c>
      <c r="F147" s="421">
        <v>4.6613726497917035E-2</v>
      </c>
      <c r="G147" s="421">
        <v>13818343.73</v>
      </c>
      <c r="H147" s="421">
        <v>1737000</v>
      </c>
      <c r="I147" s="421">
        <v>2637911.44</v>
      </c>
      <c r="J147" s="421">
        <v>4.4962915857036732E-2</v>
      </c>
      <c r="K147" s="421">
        <v>16214742.560000001</v>
      </c>
      <c r="L147" s="422">
        <v>0</v>
      </c>
    </row>
    <row r="148" spans="1:12" ht="10.5" x14ac:dyDescent="0.2">
      <c r="A148" s="442"/>
      <c r="B148" s="421"/>
      <c r="C148" s="419"/>
      <c r="D148" s="419"/>
      <c r="E148" s="419"/>
      <c r="F148" s="419"/>
      <c r="G148" s="419"/>
      <c r="H148" s="419"/>
      <c r="I148" s="419"/>
      <c r="J148" s="421"/>
      <c r="K148" s="421"/>
      <c r="L148" s="420"/>
    </row>
    <row r="149" spans="1:12" s="66" customFormat="1" ht="10.5" x14ac:dyDescent="0.2">
      <c r="A149" s="142" t="s">
        <v>709</v>
      </c>
      <c r="B149" s="419">
        <v>49228700</v>
      </c>
      <c r="C149" s="419">
        <v>48677208.859999999</v>
      </c>
      <c r="D149" s="419">
        <v>3895119.9100000034</v>
      </c>
      <c r="E149" s="419">
        <v>19788329.699999988</v>
      </c>
      <c r="F149" s="419">
        <v>0.18322426291107566</v>
      </c>
      <c r="G149" s="419">
        <v>28888879.160000008</v>
      </c>
      <c r="H149" s="419">
        <v>3768542.370000001</v>
      </c>
      <c r="I149" s="419">
        <v>10593337.75</v>
      </c>
      <c r="J149" s="419">
        <v>0.1805622988990187</v>
      </c>
      <c r="K149" s="419">
        <v>38083871.109999999</v>
      </c>
      <c r="L149" s="420">
        <v>0</v>
      </c>
    </row>
    <row r="150" spans="1:12" ht="10.5" x14ac:dyDescent="0.2">
      <c r="A150" s="442" t="s">
        <v>845</v>
      </c>
      <c r="B150" s="421">
        <v>0</v>
      </c>
      <c r="C150" s="421">
        <v>0</v>
      </c>
      <c r="D150" s="421">
        <v>0</v>
      </c>
      <c r="E150" s="421">
        <v>0</v>
      </c>
      <c r="F150" s="421">
        <v>0</v>
      </c>
      <c r="G150" s="421">
        <v>0</v>
      </c>
      <c r="H150" s="421">
        <v>0</v>
      </c>
      <c r="I150" s="421">
        <v>0</v>
      </c>
      <c r="J150" s="421">
        <v>0</v>
      </c>
      <c r="K150" s="421">
        <v>0</v>
      </c>
      <c r="L150" s="420">
        <v>0</v>
      </c>
    </row>
    <row r="151" spans="1:12" ht="10.5" x14ac:dyDescent="0.2">
      <c r="A151" s="217" t="s">
        <v>750</v>
      </c>
      <c r="B151" s="421">
        <v>16104000</v>
      </c>
      <c r="C151" s="421">
        <v>15937800</v>
      </c>
      <c r="D151" s="421">
        <v>3054389.8200000031</v>
      </c>
      <c r="E151" s="421">
        <v>9131273.9299999941</v>
      </c>
      <c r="F151" s="421">
        <v>8.4548365659349756E-2</v>
      </c>
      <c r="G151" s="421">
        <v>6806526.0700000059</v>
      </c>
      <c r="H151" s="421">
        <v>1568025.1100000006</v>
      </c>
      <c r="I151" s="421">
        <v>4412082.459999999</v>
      </c>
      <c r="J151" s="421">
        <v>7.5203469455095734E-2</v>
      </c>
      <c r="K151" s="421">
        <v>11525717.540000001</v>
      </c>
      <c r="L151" s="420">
        <v>0</v>
      </c>
    </row>
    <row r="152" spans="1:12" ht="10.5" x14ac:dyDescent="0.2">
      <c r="A152" s="442" t="s">
        <v>710</v>
      </c>
      <c r="B152" s="421">
        <v>20999500</v>
      </c>
      <c r="C152" s="421">
        <v>20620307.859999999</v>
      </c>
      <c r="D152" s="421">
        <v>285484.44000000041</v>
      </c>
      <c r="E152" s="421">
        <v>7985423.8899999959</v>
      </c>
      <c r="F152" s="421">
        <v>7.3938701672114568E-2</v>
      </c>
      <c r="G152" s="421">
        <v>12634883.970000003</v>
      </c>
      <c r="H152" s="421">
        <v>1489092.7200000002</v>
      </c>
      <c r="I152" s="421">
        <v>4255504.6800000016</v>
      </c>
      <c r="J152" s="421">
        <v>7.2534618090160791E-2</v>
      </c>
      <c r="K152" s="421">
        <v>16364803.179999998</v>
      </c>
      <c r="L152" s="420">
        <v>0</v>
      </c>
    </row>
    <row r="153" spans="1:12" ht="10.5" x14ac:dyDescent="0.2">
      <c r="A153" s="442" t="s">
        <v>711</v>
      </c>
      <c r="B153" s="421">
        <v>11775200</v>
      </c>
      <c r="C153" s="421">
        <v>11979101</v>
      </c>
      <c r="D153" s="421">
        <v>555245.64999999979</v>
      </c>
      <c r="E153" s="421">
        <v>2665297.9</v>
      </c>
      <c r="F153" s="421">
        <v>2.467854794060451E-2</v>
      </c>
      <c r="G153" s="421">
        <v>9313803.0999999996</v>
      </c>
      <c r="H153" s="421">
        <v>711424.54</v>
      </c>
      <c r="I153" s="421">
        <v>1919626.1799999997</v>
      </c>
      <c r="J153" s="421">
        <v>3.2719821105254711E-2</v>
      </c>
      <c r="K153" s="421">
        <v>10059474.82</v>
      </c>
      <c r="L153" s="420">
        <v>0</v>
      </c>
    </row>
    <row r="154" spans="1:12" s="264" customFormat="1" ht="10.5" x14ac:dyDescent="0.2">
      <c r="A154" s="442" t="s">
        <v>707</v>
      </c>
      <c r="B154" s="421">
        <v>350000</v>
      </c>
      <c r="C154" s="421">
        <v>140000</v>
      </c>
      <c r="D154" s="421">
        <v>0</v>
      </c>
      <c r="E154" s="421">
        <v>6333.9800000000005</v>
      </c>
      <c r="F154" s="421">
        <v>5.8647639006818023E-5</v>
      </c>
      <c r="G154" s="421">
        <v>133666.01999999999</v>
      </c>
      <c r="H154" s="421">
        <v>0</v>
      </c>
      <c r="I154" s="421">
        <v>6124.4299999999985</v>
      </c>
      <c r="J154" s="421">
        <v>1.0439024850747508E-4</v>
      </c>
      <c r="K154" s="421">
        <v>133875.57</v>
      </c>
      <c r="L154" s="420">
        <v>0</v>
      </c>
    </row>
    <row r="155" spans="1:12" ht="10.5" x14ac:dyDescent="0.2">
      <c r="A155" s="442"/>
      <c r="B155" s="421"/>
      <c r="C155" s="421"/>
      <c r="D155" s="421"/>
      <c r="E155" s="421"/>
      <c r="F155" s="421"/>
      <c r="G155" s="421"/>
      <c r="H155" s="421"/>
      <c r="I155" s="421"/>
      <c r="J155" s="421"/>
      <c r="K155" s="421"/>
      <c r="L155" s="420"/>
    </row>
    <row r="156" spans="1:12" s="66" customFormat="1" ht="10.5" x14ac:dyDescent="0.2">
      <c r="A156" s="142" t="s">
        <v>712</v>
      </c>
      <c r="B156" s="419">
        <v>3453100</v>
      </c>
      <c r="C156" s="419">
        <v>3453100</v>
      </c>
      <c r="D156" s="419">
        <v>0</v>
      </c>
      <c r="E156" s="419">
        <v>0</v>
      </c>
      <c r="F156" s="419">
        <v>0</v>
      </c>
      <c r="G156" s="419">
        <v>3453100</v>
      </c>
      <c r="H156" s="419">
        <v>0</v>
      </c>
      <c r="I156" s="419">
        <v>0</v>
      </c>
      <c r="J156" s="419">
        <v>0</v>
      </c>
      <c r="K156" s="419">
        <v>3453100</v>
      </c>
      <c r="L156" s="420">
        <v>0</v>
      </c>
    </row>
    <row r="157" spans="1:12" s="264" customFormat="1" ht="10.5" x14ac:dyDescent="0.2">
      <c r="A157" s="442" t="s">
        <v>653</v>
      </c>
      <c r="B157" s="421">
        <v>0</v>
      </c>
      <c r="C157" s="421">
        <v>0</v>
      </c>
      <c r="D157" s="421">
        <v>0</v>
      </c>
      <c r="E157" s="421">
        <v>0</v>
      </c>
      <c r="F157" s="421">
        <v>0</v>
      </c>
      <c r="G157" s="421">
        <v>0</v>
      </c>
      <c r="H157" s="421">
        <v>0</v>
      </c>
      <c r="I157" s="421">
        <v>0</v>
      </c>
      <c r="J157" s="421">
        <v>0</v>
      </c>
      <c r="K157" s="421">
        <v>0</v>
      </c>
      <c r="L157" s="422">
        <v>0</v>
      </c>
    </row>
    <row r="158" spans="1:12" s="264" customFormat="1" ht="10.5" x14ac:dyDescent="0.2">
      <c r="A158" s="442" t="s">
        <v>750</v>
      </c>
      <c r="B158" s="421">
        <v>3453100</v>
      </c>
      <c r="C158" s="421">
        <v>3453100</v>
      </c>
      <c r="D158" s="421">
        <v>0</v>
      </c>
      <c r="E158" s="421">
        <v>0</v>
      </c>
      <c r="F158" s="421">
        <v>0</v>
      </c>
      <c r="G158" s="421">
        <v>3453100</v>
      </c>
      <c r="H158" s="421">
        <v>0</v>
      </c>
      <c r="I158" s="421">
        <v>0</v>
      </c>
      <c r="J158" s="421">
        <v>0</v>
      </c>
      <c r="K158" s="421">
        <v>3453100</v>
      </c>
      <c r="L158" s="422">
        <v>0</v>
      </c>
    </row>
    <row r="159" spans="1:12" s="264" customFormat="1" ht="10.5" x14ac:dyDescent="0.2">
      <c r="A159" s="442"/>
      <c r="B159" s="421"/>
      <c r="C159" s="421"/>
      <c r="D159" s="421"/>
      <c r="E159" s="421"/>
      <c r="F159" s="421"/>
      <c r="G159" s="421"/>
      <c r="H159" s="421"/>
      <c r="I159" s="421"/>
      <c r="J159" s="421"/>
      <c r="K159" s="421"/>
      <c r="L159" s="422"/>
    </row>
    <row r="160" spans="1:12" s="66" customFormat="1" ht="10.5" x14ac:dyDescent="0.2">
      <c r="A160" s="142" t="s">
        <v>713</v>
      </c>
      <c r="B160" s="419">
        <v>12255900</v>
      </c>
      <c r="C160" s="419">
        <v>12255900</v>
      </c>
      <c r="D160" s="419">
        <v>154731.04999999999</v>
      </c>
      <c r="E160" s="419">
        <v>199828.08</v>
      </c>
      <c r="F160" s="419">
        <v>1.8502497796433763E-3</v>
      </c>
      <c r="G160" s="419">
        <v>12056071.92</v>
      </c>
      <c r="H160" s="419">
        <v>49837.03</v>
      </c>
      <c r="I160" s="419">
        <v>49837.03</v>
      </c>
      <c r="J160" s="419">
        <v>8.4946679879996856E-4</v>
      </c>
      <c r="K160" s="419">
        <v>12206062.969999999</v>
      </c>
      <c r="L160" s="420">
        <v>0</v>
      </c>
    </row>
    <row r="161" spans="1:12" ht="10.5" x14ac:dyDescent="0.2">
      <c r="A161" s="442" t="s">
        <v>699</v>
      </c>
      <c r="B161" s="421">
        <v>0</v>
      </c>
      <c r="C161" s="421">
        <v>0</v>
      </c>
      <c r="D161" s="421">
        <v>0</v>
      </c>
      <c r="E161" s="421">
        <v>0</v>
      </c>
      <c r="F161" s="421">
        <v>0</v>
      </c>
      <c r="G161" s="421">
        <v>0</v>
      </c>
      <c r="H161" s="421">
        <v>0</v>
      </c>
      <c r="I161" s="421">
        <v>0</v>
      </c>
      <c r="J161" s="421">
        <v>0</v>
      </c>
      <c r="K161" s="421">
        <v>0</v>
      </c>
      <c r="L161" s="420">
        <v>0</v>
      </c>
    </row>
    <row r="162" spans="1:12" s="264" customFormat="1" ht="10.5" x14ac:dyDescent="0.2">
      <c r="A162" s="442" t="s">
        <v>871</v>
      </c>
      <c r="B162" s="421">
        <v>7979000</v>
      </c>
      <c r="C162" s="421">
        <v>7979000</v>
      </c>
      <c r="D162" s="421">
        <v>0</v>
      </c>
      <c r="E162" s="421">
        <v>0</v>
      </c>
      <c r="F162" s="421">
        <v>0</v>
      </c>
      <c r="G162" s="421">
        <v>7979000</v>
      </c>
      <c r="H162" s="421">
        <v>0</v>
      </c>
      <c r="I162" s="421">
        <v>0</v>
      </c>
      <c r="J162" s="421">
        <v>0</v>
      </c>
      <c r="K162" s="421">
        <v>7979000</v>
      </c>
      <c r="L162" s="420">
        <v>0</v>
      </c>
    </row>
    <row r="163" spans="1:12" ht="10.5" x14ac:dyDescent="0.2">
      <c r="A163" s="442" t="s">
        <v>714</v>
      </c>
      <c r="B163" s="421">
        <v>4276900</v>
      </c>
      <c r="C163" s="421">
        <v>4276900</v>
      </c>
      <c r="D163" s="421">
        <v>154731.04999999999</v>
      </c>
      <c r="E163" s="421">
        <v>199828.08</v>
      </c>
      <c r="F163" s="421">
        <v>1.8502497796433763E-3</v>
      </c>
      <c r="G163" s="421">
        <v>4077071.92</v>
      </c>
      <c r="H163" s="421">
        <v>49837.03</v>
      </c>
      <c r="I163" s="421">
        <v>49837.03</v>
      </c>
      <c r="J163" s="421">
        <v>8.4946679879996856E-4</v>
      </c>
      <c r="K163" s="421">
        <v>4227062.97</v>
      </c>
      <c r="L163" s="420">
        <v>0</v>
      </c>
    </row>
    <row r="164" spans="1:12" ht="10.5" x14ac:dyDescent="0.2">
      <c r="A164" s="442"/>
      <c r="B164" s="421"/>
      <c r="C164" s="421"/>
      <c r="D164" s="421"/>
      <c r="E164" s="421"/>
      <c r="F164" s="421"/>
      <c r="G164" s="421"/>
      <c r="H164" s="421"/>
      <c r="I164" s="421"/>
      <c r="J164" s="419"/>
      <c r="K164" s="419"/>
      <c r="L164" s="420"/>
    </row>
    <row r="165" spans="1:12" s="66" customFormat="1" ht="10.5" x14ac:dyDescent="0.2">
      <c r="A165" s="142" t="s">
        <v>715</v>
      </c>
      <c r="B165" s="419">
        <v>657547300</v>
      </c>
      <c r="C165" s="419">
        <v>886161930</v>
      </c>
      <c r="D165" s="419">
        <v>124474207.76999997</v>
      </c>
      <c r="E165" s="419">
        <v>631917095.56999958</v>
      </c>
      <c r="F165" s="419">
        <v>5.8510518983682074</v>
      </c>
      <c r="G165" s="419">
        <v>254244834.43000045</v>
      </c>
      <c r="H165" s="419">
        <v>99174288.75000003</v>
      </c>
      <c r="I165" s="419">
        <v>248317571.93999991</v>
      </c>
      <c r="J165" s="419">
        <v>4.2325462195811552</v>
      </c>
      <c r="K165" s="419">
        <v>637844358.06000006</v>
      </c>
      <c r="L165" s="420">
        <v>0</v>
      </c>
    </row>
    <row r="166" spans="1:12" ht="10.5" x14ac:dyDescent="0.2">
      <c r="A166" s="22" t="s">
        <v>647</v>
      </c>
      <c r="B166" s="421">
        <v>66737000</v>
      </c>
      <c r="C166" s="421">
        <v>90591688</v>
      </c>
      <c r="D166" s="421">
        <v>16982821.54000001</v>
      </c>
      <c r="E166" s="421">
        <v>67061202.769999951</v>
      </c>
      <c r="F166" s="421">
        <v>0.62093363278980707</v>
      </c>
      <c r="G166" s="421">
        <v>23530485.230000049</v>
      </c>
      <c r="H166" s="421">
        <v>12496334.450000014</v>
      </c>
      <c r="I166" s="421">
        <v>31308305.49999997</v>
      </c>
      <c r="J166" s="421">
        <v>0.53364668899684486</v>
      </c>
      <c r="K166" s="421">
        <v>59283382.50000003</v>
      </c>
      <c r="L166" s="420">
        <v>0</v>
      </c>
    </row>
    <row r="167" spans="1:12" ht="10.5" x14ac:dyDescent="0.2">
      <c r="A167" s="442" t="s">
        <v>716</v>
      </c>
      <c r="B167" s="421">
        <v>3720000</v>
      </c>
      <c r="C167" s="421">
        <v>2220000</v>
      </c>
      <c r="D167" s="421">
        <v>0</v>
      </c>
      <c r="E167" s="421">
        <v>0</v>
      </c>
      <c r="F167" s="421">
        <v>0</v>
      </c>
      <c r="G167" s="421">
        <v>2220000</v>
      </c>
      <c r="H167" s="421">
        <v>0</v>
      </c>
      <c r="I167" s="421">
        <v>0</v>
      </c>
      <c r="J167" s="421">
        <v>0</v>
      </c>
      <c r="K167" s="421">
        <v>2220000</v>
      </c>
      <c r="L167" s="420">
        <v>0</v>
      </c>
    </row>
    <row r="168" spans="1:12" ht="10.5" x14ac:dyDescent="0.2">
      <c r="A168" s="442" t="s">
        <v>717</v>
      </c>
      <c r="B168" s="421">
        <v>581290300</v>
      </c>
      <c r="C168" s="421">
        <v>790327242</v>
      </c>
      <c r="D168" s="421">
        <v>107491386.22999996</v>
      </c>
      <c r="E168" s="421">
        <v>564855892.79999959</v>
      </c>
      <c r="F168" s="421">
        <v>5.2301182655784002</v>
      </c>
      <c r="G168" s="421">
        <v>225471349.20000041</v>
      </c>
      <c r="H168" s="421">
        <v>86677954.300000012</v>
      </c>
      <c r="I168" s="421">
        <v>217009266.43999994</v>
      </c>
      <c r="J168" s="421">
        <v>3.6988995305843106</v>
      </c>
      <c r="K168" s="421">
        <v>573317975.56000006</v>
      </c>
      <c r="L168" s="420">
        <v>0</v>
      </c>
    </row>
    <row r="169" spans="1:12" ht="10.5" x14ac:dyDescent="0.2">
      <c r="A169" s="442" t="s">
        <v>718</v>
      </c>
      <c r="B169" s="421">
        <v>3300000</v>
      </c>
      <c r="C169" s="421">
        <v>1023000</v>
      </c>
      <c r="D169" s="421">
        <v>0</v>
      </c>
      <c r="E169" s="421">
        <v>0</v>
      </c>
      <c r="F169" s="421">
        <v>0</v>
      </c>
      <c r="G169" s="421">
        <v>1023000</v>
      </c>
      <c r="H169" s="421">
        <v>0</v>
      </c>
      <c r="I169" s="421">
        <v>0</v>
      </c>
      <c r="J169" s="421">
        <v>0</v>
      </c>
      <c r="K169" s="421">
        <v>1023000</v>
      </c>
      <c r="L169" s="420">
        <v>0</v>
      </c>
    </row>
    <row r="170" spans="1:12" ht="10.5" x14ac:dyDescent="0.2">
      <c r="A170" s="442" t="s">
        <v>719</v>
      </c>
      <c r="B170" s="421">
        <v>2500000</v>
      </c>
      <c r="C170" s="421">
        <v>2000000</v>
      </c>
      <c r="D170" s="421">
        <v>0</v>
      </c>
      <c r="E170" s="421">
        <v>0</v>
      </c>
      <c r="F170" s="421">
        <v>0</v>
      </c>
      <c r="G170" s="421">
        <v>2000000</v>
      </c>
      <c r="H170" s="421">
        <v>0</v>
      </c>
      <c r="I170" s="421">
        <v>0</v>
      </c>
      <c r="J170" s="421">
        <v>0</v>
      </c>
      <c r="K170" s="421">
        <v>2000000</v>
      </c>
      <c r="L170" s="420">
        <v>0</v>
      </c>
    </row>
    <row r="171" spans="1:12" s="187" customFormat="1" ht="10.5" x14ac:dyDescent="0.2">
      <c r="A171" s="442"/>
      <c r="B171" s="421"/>
      <c r="C171" s="419"/>
      <c r="D171" s="419"/>
      <c r="E171" s="419"/>
      <c r="F171" s="419"/>
      <c r="G171" s="421"/>
      <c r="H171" s="419"/>
      <c r="I171" s="419"/>
      <c r="J171" s="421"/>
      <c r="K171" s="419"/>
      <c r="L171" s="420"/>
    </row>
    <row r="172" spans="1:12" s="66" customFormat="1" ht="10.5" x14ac:dyDescent="0.2">
      <c r="A172" s="142" t="s">
        <v>720</v>
      </c>
      <c r="B172" s="419">
        <v>27684900</v>
      </c>
      <c r="C172" s="419">
        <v>28583051.870000001</v>
      </c>
      <c r="D172" s="419">
        <v>3566163.2399999988</v>
      </c>
      <c r="E172" s="419">
        <v>11740123.139999999</v>
      </c>
      <c r="F172" s="419">
        <v>0.10870424343150922</v>
      </c>
      <c r="G172" s="419">
        <v>16842928.730000004</v>
      </c>
      <c r="H172" s="419">
        <v>4287203.74</v>
      </c>
      <c r="I172" s="419">
        <v>7885603.6099999975</v>
      </c>
      <c r="J172" s="419">
        <v>0.13440926265453967</v>
      </c>
      <c r="K172" s="419">
        <v>20697448.260000005</v>
      </c>
      <c r="L172" s="420">
        <v>0</v>
      </c>
    </row>
    <row r="173" spans="1:12" ht="10.5" x14ac:dyDescent="0.2">
      <c r="A173" s="442" t="s">
        <v>721</v>
      </c>
      <c r="B173" s="421">
        <v>2500000</v>
      </c>
      <c r="C173" s="421">
        <v>2500000</v>
      </c>
      <c r="D173" s="421">
        <v>362660.52</v>
      </c>
      <c r="E173" s="421">
        <v>1068487.7599999998</v>
      </c>
      <c r="F173" s="421">
        <v>9.8933505365794653E-3</v>
      </c>
      <c r="G173" s="421">
        <v>1431512.2400000002</v>
      </c>
      <c r="H173" s="421">
        <v>309148.62999999995</v>
      </c>
      <c r="I173" s="421">
        <v>755213.75</v>
      </c>
      <c r="J173" s="421">
        <v>1.2872536879148293E-2</v>
      </c>
      <c r="K173" s="421">
        <v>1744786.25</v>
      </c>
      <c r="L173" s="420">
        <v>0</v>
      </c>
    </row>
    <row r="174" spans="1:12" ht="10.5" x14ac:dyDescent="0.2">
      <c r="A174" s="442" t="s">
        <v>722</v>
      </c>
      <c r="B174" s="421">
        <v>25184900</v>
      </c>
      <c r="C174" s="421">
        <v>26083051.870000001</v>
      </c>
      <c r="D174" s="421">
        <v>3203502.7199999988</v>
      </c>
      <c r="E174" s="421">
        <v>10671635.379999999</v>
      </c>
      <c r="F174" s="421">
        <v>9.8810892894929767E-2</v>
      </c>
      <c r="G174" s="421">
        <v>15411416.490000002</v>
      </c>
      <c r="H174" s="421">
        <v>3978055.1100000003</v>
      </c>
      <c r="I174" s="421">
        <v>7130389.8599999975</v>
      </c>
      <c r="J174" s="421">
        <v>0.12153672577539139</v>
      </c>
      <c r="K174" s="421">
        <v>18952662.010000005</v>
      </c>
      <c r="L174" s="420">
        <v>0</v>
      </c>
    </row>
    <row r="175" spans="1:12" ht="10.5" x14ac:dyDescent="0.2">
      <c r="A175" s="442"/>
      <c r="B175" s="421"/>
      <c r="C175" s="419"/>
      <c r="D175" s="419"/>
      <c r="E175" s="419"/>
      <c r="F175" s="419"/>
      <c r="G175" s="421"/>
      <c r="H175" s="419"/>
      <c r="I175" s="419"/>
      <c r="J175" s="419"/>
      <c r="K175" s="419"/>
      <c r="L175" s="420"/>
    </row>
    <row r="176" spans="1:12" s="66" customFormat="1" ht="10.5" x14ac:dyDescent="0.2">
      <c r="A176" s="142" t="s">
        <v>723</v>
      </c>
      <c r="B176" s="419">
        <v>3363320600</v>
      </c>
      <c r="C176" s="419">
        <v>2037448822</v>
      </c>
      <c r="D176" s="419">
        <v>57499882.159999937</v>
      </c>
      <c r="E176" s="419">
        <v>1202137305.8199999</v>
      </c>
      <c r="F176" s="419">
        <v>11.130839495603105</v>
      </c>
      <c r="G176" s="419">
        <v>835311516.18000019</v>
      </c>
      <c r="H176" s="419">
        <v>113320040.27000001</v>
      </c>
      <c r="I176" s="419">
        <v>534198397.67000002</v>
      </c>
      <c r="J176" s="419">
        <v>9.1053540468364087</v>
      </c>
      <c r="K176" s="419">
        <v>1503250424.3299999</v>
      </c>
      <c r="L176" s="420">
        <v>0</v>
      </c>
    </row>
    <row r="177" spans="1:12" s="347" customFormat="1" ht="10.5" x14ac:dyDescent="0.2">
      <c r="A177" s="346" t="s">
        <v>796</v>
      </c>
      <c r="B177" s="497">
        <v>717719100</v>
      </c>
      <c r="C177" s="421">
        <v>717719100</v>
      </c>
      <c r="D177" s="421">
        <v>0</v>
      </c>
      <c r="E177" s="421">
        <v>717719100</v>
      </c>
      <c r="F177" s="421">
        <v>6.6455105139419963</v>
      </c>
      <c r="G177" s="421">
        <v>0</v>
      </c>
      <c r="H177" s="421">
        <v>0</v>
      </c>
      <c r="I177" s="421">
        <v>220430097.15000001</v>
      </c>
      <c r="J177" s="421">
        <v>3.7572072209193967</v>
      </c>
      <c r="K177" s="421">
        <v>497289002.85000002</v>
      </c>
      <c r="L177" s="420">
        <v>0</v>
      </c>
    </row>
    <row r="178" spans="1:12" ht="10.5" x14ac:dyDescent="0.2">
      <c r="A178" s="442" t="s">
        <v>724</v>
      </c>
      <c r="B178" s="421">
        <v>217753800</v>
      </c>
      <c r="C178" s="421">
        <v>218753800</v>
      </c>
      <c r="D178" s="421">
        <v>1966.6699999915309</v>
      </c>
      <c r="E178" s="421">
        <v>209745633.74999994</v>
      </c>
      <c r="F178" s="421">
        <v>1.9420784737915597</v>
      </c>
      <c r="G178" s="421">
        <v>9008166.2500000596</v>
      </c>
      <c r="H178" s="421">
        <v>33729773.18</v>
      </c>
      <c r="I178" s="421">
        <v>105018728.97</v>
      </c>
      <c r="J178" s="421">
        <v>1.7900329034893816</v>
      </c>
      <c r="K178" s="421">
        <v>113735071.03</v>
      </c>
      <c r="L178" s="420">
        <v>0</v>
      </c>
    </row>
    <row r="179" spans="1:12" ht="10.5" x14ac:dyDescent="0.2">
      <c r="A179" s="442" t="s">
        <v>725</v>
      </c>
      <c r="B179" s="421">
        <v>26138300</v>
      </c>
      <c r="C179" s="421">
        <v>28638300</v>
      </c>
      <c r="D179" s="421">
        <v>11563000</v>
      </c>
      <c r="E179" s="421">
        <v>21563000</v>
      </c>
      <c r="F179" s="421">
        <v>0.19965630455164321</v>
      </c>
      <c r="G179" s="421">
        <v>7075300</v>
      </c>
      <c r="H179" s="421">
        <v>9980884.8199999984</v>
      </c>
      <c r="I179" s="421">
        <v>14859575.27</v>
      </c>
      <c r="J179" s="421">
        <v>0.25327985708887707</v>
      </c>
      <c r="K179" s="421">
        <v>13778724.73</v>
      </c>
      <c r="L179" s="420">
        <v>0</v>
      </c>
    </row>
    <row r="180" spans="1:12" ht="10.5" x14ac:dyDescent="0.2">
      <c r="A180" s="442" t="s">
        <v>870</v>
      </c>
      <c r="B180" s="421">
        <v>2172871000</v>
      </c>
      <c r="C180" s="421">
        <v>843115222</v>
      </c>
      <c r="D180" s="421">
        <v>0</v>
      </c>
      <c r="E180" s="421">
        <v>64591166.889999993</v>
      </c>
      <c r="F180" s="421">
        <v>0.59806305652904745</v>
      </c>
      <c r="G180" s="421">
        <v>778524055.11000001</v>
      </c>
      <c r="H180" s="421">
        <v>5500000</v>
      </c>
      <c r="I180" s="421">
        <v>47841166.889999993</v>
      </c>
      <c r="J180" s="421">
        <v>0.81544752744903437</v>
      </c>
      <c r="K180" s="421">
        <v>795274055.11000001</v>
      </c>
      <c r="L180" s="420">
        <v>0</v>
      </c>
    </row>
    <row r="181" spans="1:12" ht="10.5" x14ac:dyDescent="0.2">
      <c r="A181" s="442" t="s">
        <v>726</v>
      </c>
      <c r="B181" s="421">
        <v>228838400</v>
      </c>
      <c r="C181" s="421">
        <v>229222400</v>
      </c>
      <c r="D181" s="421">
        <v>45934915.48999995</v>
      </c>
      <c r="E181" s="421">
        <v>188518405.17999992</v>
      </c>
      <c r="F181" s="421">
        <v>1.7455311467888577</v>
      </c>
      <c r="G181" s="421">
        <v>40703994.820000082</v>
      </c>
      <c r="H181" s="421">
        <v>64109382.270000011</v>
      </c>
      <c r="I181" s="421">
        <v>146048829.39000005</v>
      </c>
      <c r="J181" s="421">
        <v>2.48938653788972</v>
      </c>
      <c r="K181" s="421">
        <v>83173570.609999955</v>
      </c>
      <c r="L181" s="420">
        <v>0</v>
      </c>
    </row>
    <row r="182" spans="1:12" ht="10.5" customHeight="1" x14ac:dyDescent="0.2">
      <c r="A182" s="442" t="s">
        <v>751</v>
      </c>
      <c r="B182" s="421">
        <v>0</v>
      </c>
      <c r="C182" s="419">
        <v>0</v>
      </c>
      <c r="D182" s="419">
        <v>0</v>
      </c>
      <c r="E182" s="419">
        <v>0</v>
      </c>
      <c r="F182" s="421">
        <v>0</v>
      </c>
      <c r="G182" s="421">
        <v>0</v>
      </c>
      <c r="H182" s="419"/>
      <c r="I182" s="419"/>
      <c r="J182" s="421">
        <v>0</v>
      </c>
      <c r="K182" s="421">
        <v>0</v>
      </c>
      <c r="L182" s="420">
        <v>0</v>
      </c>
    </row>
    <row r="183" spans="1:12" s="264" customFormat="1" ht="10.5" customHeight="1" x14ac:dyDescent="0.2">
      <c r="A183" s="442"/>
      <c r="B183" s="421"/>
      <c r="C183" s="419"/>
      <c r="D183" s="419"/>
      <c r="E183" s="419"/>
      <c r="F183" s="419"/>
      <c r="G183" s="419"/>
      <c r="H183" s="419"/>
      <c r="I183" s="419"/>
      <c r="J183" s="419"/>
      <c r="K183" s="419"/>
      <c r="L183" s="420"/>
    </row>
    <row r="184" spans="1:12" s="66" customFormat="1" ht="10.5" customHeight="1" x14ac:dyDescent="0.2">
      <c r="A184" s="143" t="s">
        <v>727</v>
      </c>
      <c r="B184" s="419">
        <v>128753000</v>
      </c>
      <c r="C184" s="419">
        <v>128753000</v>
      </c>
      <c r="D184" s="419">
        <v>0</v>
      </c>
      <c r="E184" s="419">
        <v>0</v>
      </c>
      <c r="F184" s="419">
        <v>0</v>
      </c>
      <c r="G184" s="419">
        <v>128753000</v>
      </c>
      <c r="H184" s="419">
        <v>0</v>
      </c>
      <c r="I184" s="419">
        <v>0</v>
      </c>
      <c r="J184" s="419">
        <v>0</v>
      </c>
      <c r="K184" s="419">
        <v>128753000</v>
      </c>
      <c r="L184" s="420">
        <v>0</v>
      </c>
    </row>
    <row r="185" spans="1:12" ht="10.5" x14ac:dyDescent="0.2">
      <c r="A185" s="22" t="s">
        <v>729</v>
      </c>
      <c r="B185" s="421">
        <v>0</v>
      </c>
      <c r="C185" s="421">
        <v>0</v>
      </c>
      <c r="D185" s="421">
        <v>0</v>
      </c>
      <c r="E185" s="421">
        <v>0</v>
      </c>
      <c r="F185" s="419">
        <v>0</v>
      </c>
      <c r="G185" s="421">
        <v>0</v>
      </c>
      <c r="H185" s="421">
        <v>0</v>
      </c>
      <c r="I185" s="421">
        <v>0</v>
      </c>
      <c r="J185" s="421">
        <v>0</v>
      </c>
      <c r="K185" s="421">
        <v>0</v>
      </c>
      <c r="L185" s="420">
        <v>0</v>
      </c>
    </row>
    <row r="186" spans="1:12" ht="11.25" customHeight="1" x14ac:dyDescent="0.2">
      <c r="A186" s="22" t="s">
        <v>728</v>
      </c>
      <c r="B186" s="421">
        <v>128753000</v>
      </c>
      <c r="C186" s="421">
        <v>128753000</v>
      </c>
      <c r="D186" s="421">
        <v>0</v>
      </c>
      <c r="E186" s="421">
        <v>0</v>
      </c>
      <c r="F186" s="419">
        <v>0</v>
      </c>
      <c r="G186" s="421">
        <v>128753000</v>
      </c>
      <c r="H186" s="421">
        <v>0</v>
      </c>
      <c r="I186" s="421">
        <v>0</v>
      </c>
      <c r="J186" s="421">
        <v>0</v>
      </c>
      <c r="K186" s="421">
        <v>128753000</v>
      </c>
      <c r="L186" s="420">
        <v>0</v>
      </c>
    </row>
    <row r="187" spans="1:12" ht="11.25" customHeight="1" x14ac:dyDescent="0.2">
      <c r="A187" s="22"/>
      <c r="B187" s="421"/>
      <c r="C187" s="421"/>
      <c r="D187" s="421"/>
      <c r="E187" s="421"/>
      <c r="F187" s="421"/>
      <c r="G187" s="421"/>
      <c r="H187" s="421"/>
      <c r="I187" s="421"/>
      <c r="J187" s="419"/>
      <c r="K187" s="419"/>
      <c r="L187" s="420"/>
    </row>
    <row r="188" spans="1:12" s="66" customFormat="1" ht="15" customHeight="1" x14ac:dyDescent="0.2">
      <c r="A188" s="142" t="s">
        <v>220</v>
      </c>
      <c r="B188" s="419">
        <v>993939500</v>
      </c>
      <c r="C188" s="419">
        <v>1288642155.1800005</v>
      </c>
      <c r="D188" s="419">
        <v>187826435.25000006</v>
      </c>
      <c r="E188" s="419">
        <v>1075566081.1000001</v>
      </c>
      <c r="F188" s="419">
        <v>9.9588901847386264</v>
      </c>
      <c r="G188" s="419">
        <v>213076074.07999992</v>
      </c>
      <c r="H188" s="419">
        <v>203827662.84999999</v>
      </c>
      <c r="I188" s="419">
        <v>565772348.16999996</v>
      </c>
      <c r="J188" s="419">
        <v>9.6435286261944402</v>
      </c>
      <c r="K188" s="419">
        <v>722869807.00999999</v>
      </c>
      <c r="L188" s="420">
        <v>0</v>
      </c>
    </row>
    <row r="189" spans="1:12" ht="15" customHeight="1" x14ac:dyDescent="0.2">
      <c r="A189" s="441" t="s">
        <v>221</v>
      </c>
      <c r="B189" s="361">
        <v>13926525000</v>
      </c>
      <c r="C189" s="361">
        <v>14614162380</v>
      </c>
      <c r="D189" s="361">
        <v>1791608602.3899994</v>
      </c>
      <c r="E189" s="361">
        <v>10800059656.73</v>
      </c>
      <c r="F189" s="498">
        <v>100</v>
      </c>
      <c r="G189" s="361">
        <v>3814102723.2700009</v>
      </c>
      <c r="H189" s="361">
        <v>1987115493.25</v>
      </c>
      <c r="I189" s="361">
        <v>5866860255.2099934</v>
      </c>
      <c r="J189" s="498">
        <v>100</v>
      </c>
      <c r="K189" s="499">
        <v>8747302124.7900047</v>
      </c>
      <c r="L189" s="229">
        <v>0</v>
      </c>
    </row>
    <row r="190" spans="1:12" ht="11.25" customHeight="1" x14ac:dyDescent="0.2">
      <c r="A190" s="65" t="s">
        <v>846</v>
      </c>
      <c r="L190" s="292"/>
    </row>
    <row r="191" spans="1:12" ht="11.25" customHeight="1" x14ac:dyDescent="0.2">
      <c r="A191" s="443"/>
      <c r="D191" s="204"/>
      <c r="I191" s="204"/>
    </row>
    <row r="196" s="45" customFormat="1" ht="11.25" customHeight="1" x14ac:dyDescent="0.2"/>
    <row r="197" s="45" customFormat="1" ht="11.25" customHeight="1" x14ac:dyDescent="0.2"/>
    <row r="198" s="45" customFormat="1" ht="11.25" customHeight="1" x14ac:dyDescent="0.2"/>
    <row r="199" s="45" customFormat="1" ht="11.25" customHeight="1" x14ac:dyDescent="0.2"/>
    <row r="200" s="45" customFormat="1" ht="11.25" customHeight="1" x14ac:dyDescent="0.2"/>
    <row r="201" s="45" customFormat="1" ht="11.25" customHeight="1" x14ac:dyDescent="0.2"/>
    <row r="202" s="45" customFormat="1" ht="11.25" customHeight="1" x14ac:dyDescent="0.2"/>
  </sheetData>
  <customSheetViews>
    <customSheetView guid="{C779D862-DE28-46CD-A428-4AAA1056D1E1}" showPageBreaks="1" showGridLines="0" fitToPage="1" printArea="1">
      <selection activeCell="H189" sqref="H189"/>
      <pageMargins left="0.19685039370078741" right="0.19685039370078741" top="0.19685039370078741" bottom="0.19685039370078741" header="0" footer="0"/>
      <printOptions horizontalCentered="1"/>
      <pageSetup paperSize="9" scale="38" orientation="portrait" r:id="rId1"/>
      <headerFooter alignWithMargins="0"/>
    </customSheetView>
    <customSheetView guid="{82EDB5A4-4824-4632-A540-7A52C92F04C7}" showPageBreaks="1" showGridLines="0" fitToPage="1" printArea="1" topLeftCell="A9">
      <pane xSplit="1" ySplit="4" topLeftCell="B165" activePane="bottomRight" state="frozen"/>
      <selection pane="bottomRight" activeCell="H189" sqref="H189"/>
      <pageMargins left="0.19685039370078741" right="0.19685039370078741" top="0.19685039370078741" bottom="0.19685039370078741" header="0" footer="0"/>
      <printOptions horizontalCentered="1"/>
      <pageSetup paperSize="9" scale="39" orientation="portrait" r:id="rId2"/>
      <headerFooter alignWithMargins="0"/>
    </customSheetView>
    <customSheetView guid="{3AAF6A5F-F9AA-430B-9AD9-1261ECDF41B5}" showPageBreaks="1" showGridLines="0" fitToPage="1" printArea="1" topLeftCell="A183">
      <selection activeCell="F208" sqref="F208"/>
      <rowBreaks count="1" manualBreakCount="1">
        <brk id="164" max="11" man="1"/>
      </rowBreaks>
      <pageMargins left="0.19685039370078741" right="0.19685039370078741" top="0.19685039370078741" bottom="0.19685039370078741" header="0" footer="0"/>
      <printOptions horizontalCentered="1"/>
      <pageSetup paperSize="9" scale="38" orientation="portrait" r:id="rId3"/>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4"/>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5"/>
      <headerFooter alignWithMargins="0"/>
    </customSheetView>
    <customSheetView guid="{B4FED47C-EE37-4843-A570-282D4F8229D4}" showGridLines="0" fitToPage="1" topLeftCell="B50">
      <selection activeCell="I74" sqref="I74"/>
      <pageMargins left="0.19685039370078741" right="0.19685039370078741" top="0.19685039370078741" bottom="0.19685039370078741" header="0" footer="0"/>
      <printOptions horizontalCentered="1"/>
      <pageSetup paperSize="9" scale="38" orientation="portrait" r:id="rId6"/>
      <headerFooter alignWithMargins="0"/>
    </customSheetView>
    <customSheetView guid="{6DBFA32C-4AA4-4E1D-9A48-697377C64CC3}" showPageBreaks="1" showGridLines="0" printArea="1" topLeftCell="D1">
      <selection activeCell="A6" sqref="A6:L6"/>
      <rowBreaks count="1" manualBreakCount="1">
        <brk id="171" max="11" man="1"/>
      </rowBreaks>
      <pageMargins left="0.19685039370078741" right="0.19685039370078741" top="0.19685039370078741" bottom="0.19685039370078741" header="0" footer="0"/>
      <printOptions horizontalCentered="1"/>
      <pageSetup paperSize="9" scale="40" fitToHeight="2" orientation="portrait" r:id="rId7"/>
      <headerFooter alignWithMargins="0"/>
    </customSheetView>
    <customSheetView guid="{25EF1E0D-169B-4051-B414-7E1196FC05E4}" showPageBreaks="1" showGridLines="0" fitToPage="1" printArea="1">
      <selection activeCell="D93" sqref="D93"/>
      <pageMargins left="0.19685039370078741" right="0.19685039370078741" top="0.19685039370078741" bottom="0.19685039370078741" header="0" footer="0"/>
      <printOptions horizontalCentered="1"/>
      <pageSetup paperSize="9" scale="38" orientation="portrait" r:id="rId8"/>
      <headerFooter alignWithMargins="0"/>
    </customSheetView>
  </customSheetViews>
  <mergeCells count="12">
    <mergeCell ref="H10:J10"/>
    <mergeCell ref="L10:L12"/>
    <mergeCell ref="D10:F10"/>
    <mergeCell ref="G10:G11"/>
    <mergeCell ref="K10:K11"/>
    <mergeCell ref="D11:D12"/>
    <mergeCell ref="H11:H12"/>
    <mergeCell ref="A3:L3"/>
    <mergeCell ref="A4:L4"/>
    <mergeCell ref="A5:L5"/>
    <mergeCell ref="A6:L6"/>
    <mergeCell ref="A7:L7"/>
  </mergeCells>
  <phoneticPr fontId="1" type="noConversion"/>
  <printOptions horizontalCentered="1"/>
  <pageMargins left="0.19685039370078741" right="0.19685039370078741" top="0.19685039370078741" bottom="0.19685039370078741" header="0" footer="0"/>
  <pageSetup paperSize="9" scale="38" orientation="portrait" r:id="rId9"/>
  <headerFooter alignWithMargins="0"/>
  <drawing r:id="rId1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L166"/>
  <sheetViews>
    <sheetView showGridLines="0" zoomScaleNormal="100" workbookViewId="0"/>
  </sheetViews>
  <sheetFormatPr defaultColWidth="9.140625" defaultRowHeight="11.25" customHeight="1" x14ac:dyDescent="0.2"/>
  <cols>
    <col min="1" max="1" width="42.7109375" style="45" customWidth="1"/>
    <col min="2" max="2" width="17.5703125" style="45" bestFit="1" customWidth="1"/>
    <col min="3" max="3" width="19.140625" style="45" bestFit="1" customWidth="1"/>
    <col min="4" max="4" width="17.42578125" style="45" customWidth="1"/>
    <col min="5" max="5" width="20.28515625" style="45" customWidth="1"/>
    <col min="6" max="6" width="11" style="45" customWidth="1"/>
    <col min="7" max="7" width="17.42578125" style="45" bestFit="1" customWidth="1"/>
    <col min="8" max="8" width="17" style="45" customWidth="1"/>
    <col min="9" max="9" width="17.28515625" style="45" bestFit="1" customWidth="1"/>
    <col min="10" max="10" width="11" style="45" customWidth="1"/>
    <col min="11" max="11" width="17.7109375" style="45" customWidth="1"/>
    <col min="12" max="12" width="15.7109375" style="45" customWidth="1"/>
    <col min="13" max="16384" width="9.140625" style="188"/>
  </cols>
  <sheetData>
    <row r="1" spans="1:12" s="26" customFormat="1" ht="10.5" x14ac:dyDescent="0.2">
      <c r="A1" s="290"/>
      <c r="B1" s="290"/>
      <c r="C1" s="290"/>
      <c r="D1" s="290"/>
      <c r="E1" s="290"/>
      <c r="F1" s="290"/>
      <c r="G1" s="290"/>
      <c r="H1" s="290"/>
      <c r="I1" s="290"/>
      <c r="J1" s="290"/>
    </row>
    <row r="2" spans="1:12" s="26" customFormat="1" ht="10.5" x14ac:dyDescent="0.2">
      <c r="A2" s="190"/>
    </row>
    <row r="3" spans="1:12" s="45" customFormat="1" ht="10.5" x14ac:dyDescent="0.2">
      <c r="A3" s="713" t="s">
        <v>637</v>
      </c>
      <c r="B3" s="713"/>
      <c r="C3" s="713"/>
      <c r="D3" s="713"/>
      <c r="E3" s="713"/>
      <c r="F3" s="713"/>
      <c r="G3" s="713"/>
      <c r="H3" s="713"/>
      <c r="I3" s="713"/>
      <c r="J3" s="713"/>
      <c r="K3" s="713"/>
      <c r="L3" s="713"/>
    </row>
    <row r="4" spans="1:12" s="45" customFormat="1" ht="10.5" x14ac:dyDescent="0.2">
      <c r="A4" s="713" t="s">
        <v>104</v>
      </c>
      <c r="B4" s="713"/>
      <c r="C4" s="713"/>
      <c r="D4" s="713"/>
      <c r="E4" s="713"/>
      <c r="F4" s="713"/>
      <c r="G4" s="713"/>
      <c r="H4" s="713"/>
      <c r="I4" s="713"/>
      <c r="J4" s="713"/>
      <c r="K4" s="713"/>
      <c r="L4" s="713"/>
    </row>
    <row r="5" spans="1:12" s="45" customFormat="1" ht="10.5" x14ac:dyDescent="0.2">
      <c r="A5" s="713" t="s">
        <v>167</v>
      </c>
      <c r="B5" s="713"/>
      <c r="C5" s="713"/>
      <c r="D5" s="713"/>
      <c r="E5" s="713"/>
      <c r="F5" s="713"/>
      <c r="G5" s="713"/>
      <c r="H5" s="713"/>
      <c r="I5" s="713"/>
      <c r="J5" s="713"/>
      <c r="K5" s="713"/>
      <c r="L5" s="713"/>
    </row>
    <row r="6" spans="1:12" s="45" customFormat="1" ht="10.5" x14ac:dyDescent="0.2">
      <c r="A6" s="713" t="s">
        <v>106</v>
      </c>
      <c r="B6" s="713"/>
      <c r="C6" s="713"/>
      <c r="D6" s="713"/>
      <c r="E6" s="713"/>
      <c r="F6" s="713"/>
      <c r="G6" s="713"/>
      <c r="H6" s="713"/>
      <c r="I6" s="713"/>
      <c r="J6" s="713"/>
      <c r="K6" s="713"/>
      <c r="L6" s="713"/>
    </row>
    <row r="7" spans="1:12" s="45" customFormat="1" ht="10.5" x14ac:dyDescent="0.2">
      <c r="A7" s="713" t="s">
        <v>888</v>
      </c>
      <c r="B7" s="713"/>
      <c r="C7" s="713"/>
      <c r="D7" s="713"/>
      <c r="E7" s="713"/>
      <c r="F7" s="713"/>
      <c r="G7" s="713"/>
      <c r="H7" s="713"/>
      <c r="I7" s="713"/>
      <c r="J7" s="713"/>
      <c r="K7" s="713"/>
      <c r="L7" s="713"/>
    </row>
    <row r="8" spans="1:12" s="26" customFormat="1" ht="10.5" x14ac:dyDescent="0.2">
      <c r="A8" s="46"/>
      <c r="B8" s="46"/>
      <c r="C8" s="46"/>
      <c r="D8" s="46"/>
      <c r="E8" s="46"/>
      <c r="F8" s="46"/>
      <c r="G8" s="46"/>
      <c r="H8" s="46"/>
      <c r="I8" s="46"/>
      <c r="J8" s="46"/>
      <c r="K8" s="46"/>
      <c r="L8" s="46"/>
    </row>
    <row r="9" spans="1:12" s="26" customFormat="1" ht="10.5" x14ac:dyDescent="0.2">
      <c r="A9" s="26" t="s">
        <v>732</v>
      </c>
      <c r="B9" s="112"/>
      <c r="L9" s="615">
        <v>1</v>
      </c>
    </row>
    <row r="10" spans="1:12" ht="20.100000000000001" customHeight="1" x14ac:dyDescent="0.2">
      <c r="A10" s="774" t="s">
        <v>731</v>
      </c>
      <c r="B10" s="184" t="s">
        <v>156</v>
      </c>
      <c r="C10" s="184" t="s">
        <v>156</v>
      </c>
      <c r="D10" s="722" t="s">
        <v>157</v>
      </c>
      <c r="E10" s="723"/>
      <c r="F10" s="724"/>
      <c r="G10" s="748" t="s">
        <v>160</v>
      </c>
      <c r="H10" s="772" t="s">
        <v>158</v>
      </c>
      <c r="I10" s="773"/>
      <c r="J10" s="774"/>
      <c r="K10" s="748" t="s">
        <v>160</v>
      </c>
      <c r="L10" s="753" t="s">
        <v>730</v>
      </c>
    </row>
    <row r="11" spans="1:12" ht="20.100000000000001" customHeight="1" x14ac:dyDescent="0.2">
      <c r="A11" s="777"/>
      <c r="B11" s="186" t="s">
        <v>110</v>
      </c>
      <c r="C11" s="186" t="s">
        <v>111</v>
      </c>
      <c r="D11" s="775" t="s">
        <v>112</v>
      </c>
      <c r="E11" s="184" t="s">
        <v>114</v>
      </c>
      <c r="F11" s="184" t="s">
        <v>113</v>
      </c>
      <c r="G11" s="749"/>
      <c r="H11" s="775" t="s">
        <v>112</v>
      </c>
      <c r="I11" s="184" t="s">
        <v>114</v>
      </c>
      <c r="J11" s="184" t="s">
        <v>113</v>
      </c>
      <c r="K11" s="749"/>
      <c r="L11" s="755"/>
    </row>
    <row r="12" spans="1:12" s="399" customFormat="1" ht="20.100000000000001" customHeight="1" x14ac:dyDescent="0.2">
      <c r="A12" s="778"/>
      <c r="B12" s="396"/>
      <c r="C12" s="397" t="s">
        <v>115</v>
      </c>
      <c r="D12" s="776"/>
      <c r="E12" s="397" t="s">
        <v>116</v>
      </c>
      <c r="F12" s="397" t="s">
        <v>59</v>
      </c>
      <c r="G12" s="398" t="s">
        <v>278</v>
      </c>
      <c r="H12" s="776"/>
      <c r="I12" s="397" t="s">
        <v>161</v>
      </c>
      <c r="J12" s="397" t="s">
        <v>541</v>
      </c>
      <c r="K12" s="398" t="s">
        <v>540</v>
      </c>
      <c r="L12" s="757"/>
    </row>
    <row r="13" spans="1:12" s="19" customFormat="1" ht="10.5" x14ac:dyDescent="0.2">
      <c r="A13" s="142"/>
      <c r="B13" s="24"/>
      <c r="C13" s="23"/>
      <c r="D13" s="23"/>
      <c r="E13" s="23"/>
      <c r="F13" s="23"/>
      <c r="G13" s="341"/>
      <c r="H13" s="341"/>
      <c r="I13" s="341"/>
      <c r="J13" s="201"/>
      <c r="K13" s="201"/>
      <c r="L13" s="291"/>
    </row>
    <row r="14" spans="1:12" s="185" customFormat="1" ht="10.5" x14ac:dyDescent="0.2">
      <c r="A14" s="142" t="s">
        <v>638</v>
      </c>
      <c r="B14" s="419">
        <v>46320000</v>
      </c>
      <c r="C14" s="419">
        <v>46320000</v>
      </c>
      <c r="D14" s="419">
        <v>3043299.51</v>
      </c>
      <c r="E14" s="419">
        <v>29065829.719999995</v>
      </c>
      <c r="F14" s="500">
        <v>2.7023750777147848</v>
      </c>
      <c r="G14" s="419">
        <v>17254170.280000005</v>
      </c>
      <c r="H14" s="419">
        <v>6295305.0199999996</v>
      </c>
      <c r="I14" s="419">
        <v>18169613.710000001</v>
      </c>
      <c r="J14" s="500">
        <v>3.2114707918776726</v>
      </c>
      <c r="K14" s="501">
        <v>28150386.289999999</v>
      </c>
      <c r="L14" s="502">
        <v>0</v>
      </c>
    </row>
    <row r="15" spans="1:12" ht="10.5" x14ac:dyDescent="0.2">
      <c r="A15" s="189" t="s">
        <v>639</v>
      </c>
      <c r="B15" s="430">
        <v>26000000</v>
      </c>
      <c r="C15" s="430">
        <v>26000000</v>
      </c>
      <c r="D15" s="430">
        <v>3043299.51</v>
      </c>
      <c r="E15" s="430">
        <v>8900829.7199999988</v>
      </c>
      <c r="F15" s="503">
        <v>0.82754838372152506</v>
      </c>
      <c r="G15" s="421">
        <v>17099170.280000001</v>
      </c>
      <c r="H15" s="430">
        <v>3043299.5100000002</v>
      </c>
      <c r="I15" s="430">
        <v>8900829.7199999988</v>
      </c>
      <c r="J15" s="503">
        <v>1.5732175226997005</v>
      </c>
      <c r="K15" s="495">
        <v>17099170.280000001</v>
      </c>
      <c r="L15" s="455">
        <v>0</v>
      </c>
    </row>
    <row r="16" spans="1:12" ht="10.5" x14ac:dyDescent="0.2">
      <c r="A16" s="189" t="s">
        <v>640</v>
      </c>
      <c r="B16" s="430">
        <v>20320000</v>
      </c>
      <c r="C16" s="430">
        <v>20320000</v>
      </c>
      <c r="D16" s="430">
        <v>0</v>
      </c>
      <c r="E16" s="430">
        <v>20164999.999999996</v>
      </c>
      <c r="F16" s="503">
        <v>1.8748266939932596</v>
      </c>
      <c r="G16" s="421">
        <v>155000.00000000373</v>
      </c>
      <c r="H16" s="430">
        <v>3252005.51</v>
      </c>
      <c r="I16" s="430">
        <v>9268783.9900000002</v>
      </c>
      <c r="J16" s="503">
        <v>1.6382532691779714</v>
      </c>
      <c r="K16" s="495">
        <v>11051216.01</v>
      </c>
      <c r="L16" s="455">
        <v>0</v>
      </c>
    </row>
    <row r="17" spans="1:12" ht="10.5" x14ac:dyDescent="0.2">
      <c r="A17" s="189"/>
      <c r="B17" s="430"/>
      <c r="C17" s="430"/>
      <c r="D17" s="430"/>
      <c r="E17" s="430"/>
      <c r="F17" s="495"/>
      <c r="G17" s="421"/>
      <c r="H17" s="430"/>
      <c r="I17" s="430"/>
      <c r="J17" s="495"/>
      <c r="K17" s="455"/>
      <c r="L17" s="455"/>
    </row>
    <row r="18" spans="1:12" s="66" customFormat="1" ht="10.5" x14ac:dyDescent="0.2">
      <c r="A18" s="142" t="s">
        <v>641</v>
      </c>
      <c r="B18" s="419">
        <v>102300000</v>
      </c>
      <c r="C18" s="419">
        <v>85853000</v>
      </c>
      <c r="D18" s="419">
        <v>0</v>
      </c>
      <c r="E18" s="419">
        <v>83076227.430000067</v>
      </c>
      <c r="F18" s="500">
        <v>7.7239538220688919</v>
      </c>
      <c r="G18" s="419">
        <v>2776772.5699999332</v>
      </c>
      <c r="H18" s="419">
        <v>17557345.799999997</v>
      </c>
      <c r="I18" s="419">
        <v>47074042.540000007</v>
      </c>
      <c r="J18" s="500">
        <v>8.3203151748687922</v>
      </c>
      <c r="K18" s="501">
        <v>38778957.459999993</v>
      </c>
      <c r="L18" s="318">
        <v>0</v>
      </c>
    </row>
    <row r="19" spans="1:12" ht="10.5" x14ac:dyDescent="0.2">
      <c r="A19" s="189" t="s">
        <v>642</v>
      </c>
      <c r="B19" s="421">
        <v>102300000</v>
      </c>
      <c r="C19" s="421">
        <v>85853000</v>
      </c>
      <c r="D19" s="421">
        <v>0</v>
      </c>
      <c r="E19" s="421">
        <v>83076227.430000067</v>
      </c>
      <c r="F19" s="503">
        <v>7.7239538220688919</v>
      </c>
      <c r="G19" s="421">
        <v>2776772.5699999332</v>
      </c>
      <c r="H19" s="421">
        <v>17557345.799999997</v>
      </c>
      <c r="I19" s="421">
        <v>47074042.540000007</v>
      </c>
      <c r="J19" s="503">
        <v>8.3203151748687922</v>
      </c>
      <c r="K19" s="495">
        <v>38778957.459999993</v>
      </c>
      <c r="L19" s="455">
        <v>0</v>
      </c>
    </row>
    <row r="20" spans="1:12" ht="10.5" x14ac:dyDescent="0.2">
      <c r="A20" s="189"/>
      <c r="B20" s="421"/>
      <c r="C20" s="421"/>
      <c r="D20" s="421"/>
      <c r="E20" s="421"/>
      <c r="F20" s="495"/>
      <c r="G20" s="421"/>
      <c r="H20" s="421"/>
      <c r="I20" s="421"/>
      <c r="J20" s="495"/>
      <c r="K20" s="455"/>
      <c r="L20" s="455"/>
    </row>
    <row r="21" spans="1:12" s="66" customFormat="1" ht="10.5" x14ac:dyDescent="0.2">
      <c r="A21" s="160" t="s">
        <v>752</v>
      </c>
      <c r="B21" s="419">
        <v>74779700</v>
      </c>
      <c r="C21" s="419">
        <v>69495228.629999995</v>
      </c>
      <c r="D21" s="419">
        <v>10828150.170000002</v>
      </c>
      <c r="E21" s="419">
        <v>36390657.549999997</v>
      </c>
      <c r="F21" s="500">
        <v>3.3833957940345827</v>
      </c>
      <c r="G21" s="419">
        <v>33104571.080000002</v>
      </c>
      <c r="H21" s="419">
        <v>9635053.120000001</v>
      </c>
      <c r="I21" s="419">
        <v>29481255.010000002</v>
      </c>
      <c r="J21" s="500">
        <v>5.2107981426376897</v>
      </c>
      <c r="K21" s="501">
        <v>40013973.619999997</v>
      </c>
      <c r="L21" s="318">
        <v>0</v>
      </c>
    </row>
    <row r="22" spans="1:12" ht="10.5" x14ac:dyDescent="0.2">
      <c r="A22" s="189" t="s">
        <v>643</v>
      </c>
      <c r="B22" s="421">
        <v>37605600</v>
      </c>
      <c r="C22" s="421">
        <v>37575600</v>
      </c>
      <c r="D22" s="421">
        <v>7913671.8800000008</v>
      </c>
      <c r="E22" s="421">
        <v>18523201.279999997</v>
      </c>
      <c r="F22" s="503">
        <v>1.722181612593807</v>
      </c>
      <c r="G22" s="421">
        <v>19052398.720000003</v>
      </c>
      <c r="H22" s="421">
        <v>5318196.1300000008</v>
      </c>
      <c r="I22" s="421">
        <v>15884107.84</v>
      </c>
      <c r="J22" s="503">
        <v>2.8075086899134272</v>
      </c>
      <c r="K22" s="495">
        <v>21691492.16</v>
      </c>
      <c r="L22" s="455">
        <v>0</v>
      </c>
    </row>
    <row r="23" spans="1:12" ht="10.5" x14ac:dyDescent="0.2">
      <c r="A23" s="189" t="s">
        <v>644</v>
      </c>
      <c r="B23" s="421">
        <v>10788000</v>
      </c>
      <c r="C23" s="421">
        <v>10506800</v>
      </c>
      <c r="D23" s="421">
        <v>-1.0000000002328306</v>
      </c>
      <c r="E23" s="421">
        <v>8458026.4800000023</v>
      </c>
      <c r="F23" s="503">
        <v>0.78637906388325585</v>
      </c>
      <c r="G23" s="421">
        <v>2048773.5199999977</v>
      </c>
      <c r="H23" s="421">
        <v>1402377.7</v>
      </c>
      <c r="I23" s="421">
        <v>4187719.3899999997</v>
      </c>
      <c r="J23" s="503">
        <v>0.74017745892764952</v>
      </c>
      <c r="K23" s="495">
        <v>6319080.6100000003</v>
      </c>
      <c r="L23" s="455">
        <v>0</v>
      </c>
    </row>
    <row r="24" spans="1:12" ht="10.5" x14ac:dyDescent="0.2">
      <c r="A24" s="189" t="s">
        <v>651</v>
      </c>
      <c r="B24" s="421">
        <v>15000</v>
      </c>
      <c r="C24" s="421">
        <v>15000</v>
      </c>
      <c r="D24" s="421">
        <v>0</v>
      </c>
      <c r="E24" s="421">
        <v>0</v>
      </c>
      <c r="F24" s="503">
        <v>0</v>
      </c>
      <c r="G24" s="421">
        <v>15000</v>
      </c>
      <c r="H24" s="421">
        <v>0</v>
      </c>
      <c r="I24" s="421">
        <v>0</v>
      </c>
      <c r="J24" s="503">
        <v>0</v>
      </c>
      <c r="K24" s="495">
        <v>15000</v>
      </c>
      <c r="L24" s="455">
        <v>0</v>
      </c>
    </row>
    <row r="25" spans="1:12" ht="10.5" x14ac:dyDescent="0.2">
      <c r="A25" s="189" t="s">
        <v>682</v>
      </c>
      <c r="B25" s="421">
        <v>26371100</v>
      </c>
      <c r="C25" s="421">
        <v>21397828.629999999</v>
      </c>
      <c r="D25" s="421">
        <v>2914479.29</v>
      </c>
      <c r="E25" s="421">
        <v>9409429.7899999991</v>
      </c>
      <c r="F25" s="503">
        <v>0.87483511755752019</v>
      </c>
      <c r="G25" s="421">
        <v>11988398.84</v>
      </c>
      <c r="H25" s="421">
        <v>2914479.29</v>
      </c>
      <c r="I25" s="421">
        <v>9409427.7800000012</v>
      </c>
      <c r="J25" s="503">
        <v>1.6631119937966128</v>
      </c>
      <c r="K25" s="495">
        <v>11988400.849999998</v>
      </c>
      <c r="L25" s="455">
        <v>0</v>
      </c>
    </row>
    <row r="26" spans="1:12" ht="10.5" x14ac:dyDescent="0.2">
      <c r="A26" s="189"/>
      <c r="B26" s="421"/>
      <c r="C26" s="421"/>
      <c r="D26" s="421"/>
      <c r="E26" s="421"/>
      <c r="F26" s="495"/>
      <c r="G26" s="421"/>
      <c r="H26" s="421"/>
      <c r="I26" s="421"/>
      <c r="J26" s="495"/>
      <c r="K26" s="455"/>
      <c r="L26" s="455"/>
    </row>
    <row r="27" spans="1:12" s="66" customFormat="1" ht="10.5" x14ac:dyDescent="0.2">
      <c r="A27" s="142" t="s">
        <v>645</v>
      </c>
      <c r="B27" s="419">
        <v>185668800</v>
      </c>
      <c r="C27" s="419">
        <v>175210329.93000001</v>
      </c>
      <c r="D27" s="419">
        <v>50069782.200000003</v>
      </c>
      <c r="E27" s="419">
        <v>169486128.88</v>
      </c>
      <c r="F27" s="500">
        <v>15.757853641745898</v>
      </c>
      <c r="G27" s="419">
        <v>5724201.049999997</v>
      </c>
      <c r="H27" s="419">
        <v>25671976.260000002</v>
      </c>
      <c r="I27" s="419">
        <v>80310433.25999999</v>
      </c>
      <c r="J27" s="500">
        <v>14.194831811728767</v>
      </c>
      <c r="K27" s="501">
        <v>94899896.670000002</v>
      </c>
      <c r="L27" s="318">
        <v>0</v>
      </c>
    </row>
    <row r="28" spans="1:12" ht="10.5" x14ac:dyDescent="0.2">
      <c r="A28" s="189" t="s">
        <v>647</v>
      </c>
      <c r="B28" s="421">
        <v>9752800</v>
      </c>
      <c r="C28" s="421">
        <v>16621377.93</v>
      </c>
      <c r="D28" s="421">
        <v>990739.87999999896</v>
      </c>
      <c r="E28" s="421">
        <v>11098814.009999998</v>
      </c>
      <c r="F28" s="503">
        <v>1.0319044273550397</v>
      </c>
      <c r="G28" s="421">
        <v>5522563.9200000018</v>
      </c>
      <c r="H28" s="421">
        <v>1672904.4899999995</v>
      </c>
      <c r="I28" s="421">
        <v>5057891.2399999984</v>
      </c>
      <c r="J28" s="503">
        <v>0.89397992962360773</v>
      </c>
      <c r="K28" s="495">
        <v>11563486.690000001</v>
      </c>
      <c r="L28" s="455">
        <v>0</v>
      </c>
    </row>
    <row r="29" spans="1:12" ht="10.5" x14ac:dyDescent="0.2">
      <c r="A29" s="189" t="s">
        <v>648</v>
      </c>
      <c r="B29" s="421">
        <v>175916000</v>
      </c>
      <c r="C29" s="421">
        <v>158588952</v>
      </c>
      <c r="D29" s="421">
        <v>49079042.32</v>
      </c>
      <c r="E29" s="421">
        <v>158387314.87</v>
      </c>
      <c r="F29" s="503">
        <v>14.725949214390857</v>
      </c>
      <c r="G29" s="421">
        <v>201637.12999999523</v>
      </c>
      <c r="H29" s="421">
        <v>23999071.770000003</v>
      </c>
      <c r="I29" s="421">
        <v>75252542.019999996</v>
      </c>
      <c r="J29" s="503">
        <v>13.30085188210516</v>
      </c>
      <c r="K29" s="495">
        <v>83336409.980000004</v>
      </c>
      <c r="L29" s="455">
        <v>0</v>
      </c>
    </row>
    <row r="30" spans="1:12" ht="10.5" x14ac:dyDescent="0.2">
      <c r="A30" s="189" t="s">
        <v>649</v>
      </c>
      <c r="B30" s="421">
        <v>0</v>
      </c>
      <c r="C30" s="421">
        <v>0</v>
      </c>
      <c r="D30" s="421">
        <v>0</v>
      </c>
      <c r="E30" s="421">
        <v>0</v>
      </c>
      <c r="F30" s="503">
        <v>0</v>
      </c>
      <c r="G30" s="421">
        <v>0</v>
      </c>
      <c r="H30" s="421">
        <v>0</v>
      </c>
      <c r="I30" s="421">
        <v>0</v>
      </c>
      <c r="J30" s="503">
        <v>0</v>
      </c>
      <c r="K30" s="495">
        <v>0</v>
      </c>
      <c r="L30" s="455">
        <v>0</v>
      </c>
    </row>
    <row r="31" spans="1:12" ht="10.5" x14ac:dyDescent="0.2">
      <c r="A31" s="189" t="s">
        <v>650</v>
      </c>
      <c r="B31" s="421">
        <v>0</v>
      </c>
      <c r="C31" s="421">
        <v>0</v>
      </c>
      <c r="D31" s="421">
        <v>0</v>
      </c>
      <c r="E31" s="421">
        <v>0</v>
      </c>
      <c r="F31" s="503">
        <v>0</v>
      </c>
      <c r="G31" s="421">
        <v>0</v>
      </c>
      <c r="H31" s="421">
        <v>0</v>
      </c>
      <c r="I31" s="421">
        <v>0</v>
      </c>
      <c r="J31" s="503">
        <v>0</v>
      </c>
      <c r="K31" s="495">
        <v>0</v>
      </c>
      <c r="L31" s="455">
        <v>0</v>
      </c>
    </row>
    <row r="32" spans="1:12" ht="10.5" x14ac:dyDescent="0.2">
      <c r="A32" s="189"/>
      <c r="B32" s="421"/>
      <c r="C32" s="421"/>
      <c r="D32" s="421"/>
      <c r="E32" s="421"/>
      <c r="F32" s="495"/>
      <c r="G32" s="421"/>
      <c r="H32" s="421"/>
      <c r="I32" s="421"/>
      <c r="J32" s="495"/>
      <c r="K32" s="455"/>
      <c r="L32" s="455"/>
    </row>
    <row r="33" spans="1:12" s="66" customFormat="1" ht="10.5" x14ac:dyDescent="0.2">
      <c r="A33" s="142" t="s">
        <v>654</v>
      </c>
      <c r="B33" s="419">
        <v>252376000</v>
      </c>
      <c r="C33" s="419">
        <v>389653285.67000002</v>
      </c>
      <c r="D33" s="419">
        <v>66918844.270000003</v>
      </c>
      <c r="E33" s="419">
        <v>299713789.90000004</v>
      </c>
      <c r="F33" s="500">
        <v>27.865678842668366</v>
      </c>
      <c r="G33" s="419">
        <v>89939495.769999981</v>
      </c>
      <c r="H33" s="419">
        <v>43208435.559999995</v>
      </c>
      <c r="I33" s="419">
        <v>141901138.88000003</v>
      </c>
      <c r="J33" s="500">
        <v>25.080960449725335</v>
      </c>
      <c r="K33" s="501">
        <v>247752146.78999999</v>
      </c>
      <c r="L33" s="318">
        <v>0</v>
      </c>
    </row>
    <row r="34" spans="1:12" ht="10.5" x14ac:dyDescent="0.2">
      <c r="A34" s="189" t="s">
        <v>655</v>
      </c>
      <c r="B34" s="421">
        <v>252376000</v>
      </c>
      <c r="C34" s="421">
        <v>389653285.67000002</v>
      </c>
      <c r="D34" s="421">
        <v>66918844.270000003</v>
      </c>
      <c r="E34" s="421">
        <v>299713789.90000004</v>
      </c>
      <c r="F34" s="503">
        <v>27.865678842668366</v>
      </c>
      <c r="G34" s="421">
        <v>89939495.769999981</v>
      </c>
      <c r="H34" s="421">
        <v>43208435.559999995</v>
      </c>
      <c r="I34" s="421">
        <v>141901138.88000003</v>
      </c>
      <c r="J34" s="503">
        <v>25.080960449725335</v>
      </c>
      <c r="K34" s="495">
        <v>247752146.78999999</v>
      </c>
      <c r="L34" s="455">
        <v>0</v>
      </c>
    </row>
    <row r="35" spans="1:12" ht="10.5" x14ac:dyDescent="0.2">
      <c r="A35" s="189"/>
      <c r="B35" s="421"/>
      <c r="C35" s="421"/>
      <c r="D35" s="421"/>
      <c r="E35" s="421"/>
      <c r="F35" s="495"/>
      <c r="G35" s="421"/>
      <c r="H35" s="421"/>
      <c r="I35" s="421"/>
      <c r="J35" s="495"/>
      <c r="K35" s="455"/>
      <c r="L35" s="455"/>
    </row>
    <row r="36" spans="1:12" s="66" customFormat="1" ht="10.5" x14ac:dyDescent="0.2">
      <c r="A36" s="142" t="s">
        <v>657</v>
      </c>
      <c r="B36" s="419">
        <v>5315500</v>
      </c>
      <c r="C36" s="419">
        <v>5318500</v>
      </c>
      <c r="D36" s="419">
        <v>853720.51</v>
      </c>
      <c r="E36" s="419">
        <v>2528689.4399999995</v>
      </c>
      <c r="F36" s="500">
        <v>0.23510312238685183</v>
      </c>
      <c r="G36" s="419">
        <v>2789810.5600000005</v>
      </c>
      <c r="H36" s="419">
        <v>853720.51</v>
      </c>
      <c r="I36" s="419">
        <v>2528689.4400000004</v>
      </c>
      <c r="J36" s="500">
        <v>0.44694468511568092</v>
      </c>
      <c r="K36" s="501">
        <v>2789810.5599999996</v>
      </c>
      <c r="L36" s="318">
        <v>0</v>
      </c>
    </row>
    <row r="37" spans="1:12" ht="10.5" x14ac:dyDescent="0.2">
      <c r="A37" s="189" t="s">
        <v>658</v>
      </c>
      <c r="B37" s="421">
        <v>5315500</v>
      </c>
      <c r="C37" s="421">
        <v>5318500</v>
      </c>
      <c r="D37" s="421">
        <v>853720.51</v>
      </c>
      <c r="E37" s="421">
        <v>2528689.4399999995</v>
      </c>
      <c r="F37" s="503">
        <v>0.23510312238685183</v>
      </c>
      <c r="G37" s="421">
        <v>2789810.5600000005</v>
      </c>
      <c r="H37" s="421">
        <v>853720.51</v>
      </c>
      <c r="I37" s="421">
        <v>2528689.4400000004</v>
      </c>
      <c r="J37" s="503">
        <v>0.44694468511568092</v>
      </c>
      <c r="K37" s="495">
        <v>2789810.5599999996</v>
      </c>
      <c r="L37" s="455">
        <v>0</v>
      </c>
    </row>
    <row r="38" spans="1:12" ht="10.5" x14ac:dyDescent="0.2">
      <c r="A38" s="189"/>
      <c r="B38" s="421"/>
      <c r="C38" s="421"/>
      <c r="D38" s="421"/>
      <c r="E38" s="421"/>
      <c r="F38" s="495"/>
      <c r="G38" s="421"/>
      <c r="H38" s="421"/>
      <c r="I38" s="421"/>
      <c r="J38" s="495"/>
      <c r="K38" s="455"/>
      <c r="L38" s="455"/>
    </row>
    <row r="39" spans="1:12" s="66" customFormat="1" ht="10.5" x14ac:dyDescent="0.2">
      <c r="A39" s="142" t="s">
        <v>659</v>
      </c>
      <c r="B39" s="419">
        <v>0</v>
      </c>
      <c r="C39" s="419">
        <v>10000</v>
      </c>
      <c r="D39" s="419">
        <v>0</v>
      </c>
      <c r="E39" s="419">
        <v>9999.9999999999982</v>
      </c>
      <c r="F39" s="500">
        <v>9.2974296751463417E-4</v>
      </c>
      <c r="G39" s="419">
        <v>0</v>
      </c>
      <c r="H39" s="419">
        <v>1334.4</v>
      </c>
      <c r="I39" s="419">
        <v>3475.8900000000003</v>
      </c>
      <c r="J39" s="500">
        <v>6.143619445600026E-4</v>
      </c>
      <c r="K39" s="501">
        <v>6524.11</v>
      </c>
      <c r="L39" s="318">
        <v>0</v>
      </c>
    </row>
    <row r="40" spans="1:12" ht="10.5" x14ac:dyDescent="0.2">
      <c r="A40" s="189" t="s">
        <v>660</v>
      </c>
      <c r="B40" s="421">
        <v>0</v>
      </c>
      <c r="C40" s="421">
        <v>10000</v>
      </c>
      <c r="D40" s="421">
        <v>0</v>
      </c>
      <c r="E40" s="421">
        <v>9999.9999999999982</v>
      </c>
      <c r="F40" s="503">
        <v>9.2974296751463417E-4</v>
      </c>
      <c r="G40" s="421">
        <v>0</v>
      </c>
      <c r="H40" s="421">
        <v>1334.4</v>
      </c>
      <c r="I40" s="421">
        <v>3475.8900000000003</v>
      </c>
      <c r="J40" s="503">
        <v>6.143619445600026E-4</v>
      </c>
      <c r="K40" s="495">
        <v>6524.11</v>
      </c>
      <c r="L40" s="455">
        <v>0</v>
      </c>
    </row>
    <row r="41" spans="1:12" ht="10.5" x14ac:dyDescent="0.2">
      <c r="A41" s="189"/>
      <c r="B41" s="421"/>
      <c r="C41" s="421"/>
      <c r="D41" s="421"/>
      <c r="E41" s="421"/>
      <c r="F41" s="495"/>
      <c r="G41" s="421"/>
      <c r="H41" s="421"/>
      <c r="I41" s="421"/>
      <c r="J41" s="495"/>
      <c r="K41" s="455"/>
      <c r="L41" s="455"/>
    </row>
    <row r="42" spans="1:12" s="66" customFormat="1" ht="10.5" x14ac:dyDescent="0.2">
      <c r="A42" s="142" t="s">
        <v>661</v>
      </c>
      <c r="B42" s="419">
        <v>22005000</v>
      </c>
      <c r="C42" s="419">
        <v>48380608.510000005</v>
      </c>
      <c r="D42" s="419">
        <v>6858517.2999999989</v>
      </c>
      <c r="E42" s="419">
        <v>38504455.710000001</v>
      </c>
      <c r="F42" s="500">
        <v>3.5799246914351204</v>
      </c>
      <c r="G42" s="419">
        <v>9876152.7999999989</v>
      </c>
      <c r="H42" s="419">
        <v>8324036.5199999996</v>
      </c>
      <c r="I42" s="419">
        <v>24646004.330000002</v>
      </c>
      <c r="J42" s="500">
        <v>4.3561698286807244</v>
      </c>
      <c r="K42" s="501">
        <v>23734604.18</v>
      </c>
      <c r="L42" s="318">
        <v>0</v>
      </c>
    </row>
    <row r="43" spans="1:12" ht="10.5" x14ac:dyDescent="0.2">
      <c r="A43" s="189" t="s">
        <v>647</v>
      </c>
      <c r="B43" s="421">
        <v>0</v>
      </c>
      <c r="C43" s="421">
        <v>26785651.380000003</v>
      </c>
      <c r="D43" s="421">
        <v>14360058.539999997</v>
      </c>
      <c r="E43" s="421">
        <v>26698651.379999995</v>
      </c>
      <c r="F43" s="503">
        <v>2.4822883362679882</v>
      </c>
      <c r="G43" s="421">
        <v>87000.000000007451</v>
      </c>
      <c r="H43" s="421">
        <v>4350374.8999999994</v>
      </c>
      <c r="I43" s="421">
        <v>12842874.520000001</v>
      </c>
      <c r="J43" s="503">
        <v>2.2699721118468394</v>
      </c>
      <c r="K43" s="495">
        <v>13942776.860000001</v>
      </c>
      <c r="L43" s="455">
        <v>0</v>
      </c>
    </row>
    <row r="44" spans="1:12" ht="10.5" x14ac:dyDescent="0.2">
      <c r="A44" s="189" t="s">
        <v>651</v>
      </c>
      <c r="B44" s="421">
        <v>0</v>
      </c>
      <c r="C44" s="421">
        <v>0</v>
      </c>
      <c r="D44" s="421">
        <v>0</v>
      </c>
      <c r="E44" s="421">
        <v>0</v>
      </c>
      <c r="F44" s="503">
        <v>0</v>
      </c>
      <c r="G44" s="421">
        <v>0</v>
      </c>
      <c r="H44" s="421">
        <v>0</v>
      </c>
      <c r="I44" s="421">
        <v>0</v>
      </c>
      <c r="J44" s="503">
        <v>0</v>
      </c>
      <c r="K44" s="495">
        <v>0</v>
      </c>
      <c r="L44" s="455">
        <v>0</v>
      </c>
    </row>
    <row r="45" spans="1:12" ht="10.5" x14ac:dyDescent="0.2">
      <c r="A45" s="189" t="s">
        <v>664</v>
      </c>
      <c r="B45" s="421">
        <v>22000000</v>
      </c>
      <c r="C45" s="421">
        <v>21589957.129999999</v>
      </c>
      <c r="D45" s="421">
        <v>-7501541.2399999984</v>
      </c>
      <c r="E45" s="421">
        <v>11805804.330000008</v>
      </c>
      <c r="F45" s="503">
        <v>1.0976363551671326</v>
      </c>
      <c r="G45" s="421">
        <v>9784152.7999999914</v>
      </c>
      <c r="H45" s="421">
        <v>3973661.62</v>
      </c>
      <c r="I45" s="421">
        <v>11803129.810000001</v>
      </c>
      <c r="J45" s="503">
        <v>2.0861977168338854</v>
      </c>
      <c r="K45" s="495">
        <v>9786827.3199999984</v>
      </c>
      <c r="L45" s="455">
        <v>0</v>
      </c>
    </row>
    <row r="46" spans="1:12" ht="10.5" x14ac:dyDescent="0.2">
      <c r="A46" s="189" t="s">
        <v>753</v>
      </c>
      <c r="B46" s="421">
        <v>5000</v>
      </c>
      <c r="C46" s="421">
        <v>5000</v>
      </c>
      <c r="D46" s="421">
        <v>0</v>
      </c>
      <c r="E46" s="421">
        <v>0</v>
      </c>
      <c r="F46" s="503">
        <v>0</v>
      </c>
      <c r="G46" s="421">
        <v>5000</v>
      </c>
      <c r="H46" s="421">
        <v>0</v>
      </c>
      <c r="I46" s="421">
        <v>0</v>
      </c>
      <c r="J46" s="503">
        <v>0</v>
      </c>
      <c r="K46" s="495">
        <v>5000</v>
      </c>
      <c r="L46" s="455">
        <v>0</v>
      </c>
    </row>
    <row r="47" spans="1:12" ht="10.5" x14ac:dyDescent="0.2">
      <c r="A47" s="189" t="s">
        <v>666</v>
      </c>
      <c r="B47" s="421">
        <v>0</v>
      </c>
      <c r="C47" s="421">
        <v>0</v>
      </c>
      <c r="D47" s="421">
        <v>0</v>
      </c>
      <c r="E47" s="421">
        <v>0</v>
      </c>
      <c r="F47" s="503">
        <v>0</v>
      </c>
      <c r="G47" s="421">
        <v>0</v>
      </c>
      <c r="H47" s="421">
        <v>0</v>
      </c>
      <c r="I47" s="421">
        <v>0</v>
      </c>
      <c r="J47" s="503">
        <v>0</v>
      </c>
      <c r="K47" s="495">
        <v>0</v>
      </c>
      <c r="L47" s="455">
        <v>0</v>
      </c>
    </row>
    <row r="48" spans="1:12" s="264" customFormat="1" ht="10.5" x14ac:dyDescent="0.2">
      <c r="A48" s="189" t="s">
        <v>797</v>
      </c>
      <c r="B48" s="421">
        <v>0</v>
      </c>
      <c r="C48" s="421">
        <v>0</v>
      </c>
      <c r="D48" s="421">
        <v>0</v>
      </c>
      <c r="E48" s="421">
        <v>0</v>
      </c>
      <c r="F48" s="503">
        <v>0</v>
      </c>
      <c r="G48" s="421">
        <v>0</v>
      </c>
      <c r="H48" s="421">
        <v>0</v>
      </c>
      <c r="I48" s="421">
        <v>0</v>
      </c>
      <c r="J48" s="504">
        <v>0</v>
      </c>
      <c r="K48" s="495">
        <v>0</v>
      </c>
      <c r="L48" s="455">
        <v>0</v>
      </c>
    </row>
    <row r="49" spans="1:12" ht="12.75" x14ac:dyDescent="0.2">
      <c r="A49" s="189"/>
      <c r="B49" s="421"/>
      <c r="C49" s="421"/>
      <c r="D49" s="421"/>
      <c r="E49" s="421"/>
      <c r="F49" s="348"/>
      <c r="G49" s="421"/>
      <c r="H49" s="421"/>
      <c r="I49" s="421"/>
      <c r="J49" s="348"/>
      <c r="K49" s="495"/>
      <c r="L49" s="455"/>
    </row>
    <row r="50" spans="1:12" s="66" customFormat="1" ht="10.5" x14ac:dyDescent="0.2">
      <c r="A50" s="142" t="s">
        <v>662</v>
      </c>
      <c r="B50" s="419">
        <v>797000</v>
      </c>
      <c r="C50" s="419">
        <v>797000</v>
      </c>
      <c r="D50" s="419">
        <v>289.77000000001863</v>
      </c>
      <c r="E50" s="419">
        <v>713781.21000000008</v>
      </c>
      <c r="F50" s="500">
        <v>6.6363306034158645E-2</v>
      </c>
      <c r="G50" s="419">
        <v>83218.789999999921</v>
      </c>
      <c r="H50" s="419">
        <v>169707.12</v>
      </c>
      <c r="I50" s="419">
        <v>542751.67000000004</v>
      </c>
      <c r="J50" s="500">
        <v>9.5931105815888554E-2</v>
      </c>
      <c r="K50" s="501">
        <v>254248.32999999996</v>
      </c>
      <c r="L50" s="318">
        <v>0</v>
      </c>
    </row>
    <row r="51" spans="1:12" ht="10.5" x14ac:dyDescent="0.2">
      <c r="A51" s="189" t="s">
        <v>747</v>
      </c>
      <c r="B51" s="421">
        <v>797000</v>
      </c>
      <c r="C51" s="421">
        <v>797000</v>
      </c>
      <c r="D51" s="421">
        <v>289.77000000001863</v>
      </c>
      <c r="E51" s="421">
        <v>713781.21000000008</v>
      </c>
      <c r="F51" s="503">
        <v>6.6363306034158645E-2</v>
      </c>
      <c r="G51" s="421">
        <v>83218.789999999921</v>
      </c>
      <c r="H51" s="421">
        <v>169707.12</v>
      </c>
      <c r="I51" s="421">
        <v>542751.67000000004</v>
      </c>
      <c r="J51" s="503">
        <v>9.5931105815888554E-2</v>
      </c>
      <c r="K51" s="495">
        <v>254248.32999999996</v>
      </c>
      <c r="L51" s="455">
        <v>0</v>
      </c>
    </row>
    <row r="52" spans="1:12" ht="10.5" x14ac:dyDescent="0.2">
      <c r="A52" s="189"/>
      <c r="B52" s="421"/>
      <c r="C52" s="421"/>
      <c r="D52" s="421"/>
      <c r="E52" s="421"/>
      <c r="F52" s="495"/>
      <c r="G52" s="421"/>
      <c r="H52" s="421"/>
      <c r="I52" s="421"/>
      <c r="J52" s="495"/>
      <c r="K52" s="455"/>
      <c r="L52" s="455"/>
    </row>
    <row r="53" spans="1:12" s="66" customFormat="1" ht="10.5" x14ac:dyDescent="0.2">
      <c r="A53" s="142" t="s">
        <v>677</v>
      </c>
      <c r="B53" s="419">
        <v>220126800</v>
      </c>
      <c r="C53" s="419">
        <v>355656026.15000004</v>
      </c>
      <c r="D53" s="419">
        <v>39889780.18000003</v>
      </c>
      <c r="E53" s="419">
        <v>328912887.68000001</v>
      </c>
      <c r="F53" s="500">
        <v>30.580444424541081</v>
      </c>
      <c r="G53" s="419">
        <v>26743138.470000029</v>
      </c>
      <c r="H53" s="419">
        <v>73857548.650000006</v>
      </c>
      <c r="I53" s="419">
        <v>170971419.09999996</v>
      </c>
      <c r="J53" s="500">
        <v>30.219118988937836</v>
      </c>
      <c r="K53" s="501">
        <v>184684607.05000007</v>
      </c>
      <c r="L53" s="318">
        <v>0</v>
      </c>
    </row>
    <row r="54" spans="1:12" ht="10.5" x14ac:dyDescent="0.2">
      <c r="A54" s="188" t="s">
        <v>647</v>
      </c>
      <c r="B54" s="421">
        <v>220126800</v>
      </c>
      <c r="C54" s="421">
        <v>355656026.15000004</v>
      </c>
      <c r="D54" s="421">
        <v>39889780.18000003</v>
      </c>
      <c r="E54" s="421">
        <v>328912887.68000001</v>
      </c>
      <c r="F54" s="503">
        <v>30.580444424541081</v>
      </c>
      <c r="G54" s="421">
        <v>26743138.470000029</v>
      </c>
      <c r="H54" s="421">
        <v>73857548.650000006</v>
      </c>
      <c r="I54" s="421">
        <v>170971419.09999996</v>
      </c>
      <c r="J54" s="503">
        <v>30.219118988937836</v>
      </c>
      <c r="K54" s="495">
        <v>184684607.05000007</v>
      </c>
      <c r="L54" s="455">
        <v>0</v>
      </c>
    </row>
    <row r="55" spans="1:12" ht="10.5" x14ac:dyDescent="0.2">
      <c r="A55" s="189" t="s">
        <v>671</v>
      </c>
      <c r="B55" s="421">
        <v>0</v>
      </c>
      <c r="C55" s="421">
        <v>0</v>
      </c>
      <c r="D55" s="421">
        <v>0</v>
      </c>
      <c r="E55" s="421">
        <v>0</v>
      </c>
      <c r="F55" s="503">
        <v>0</v>
      </c>
      <c r="G55" s="421">
        <v>0</v>
      </c>
      <c r="H55" s="421">
        <v>0</v>
      </c>
      <c r="I55" s="421">
        <v>0</v>
      </c>
      <c r="J55" s="503">
        <v>0</v>
      </c>
      <c r="K55" s="495">
        <v>0</v>
      </c>
      <c r="L55" s="455">
        <v>0</v>
      </c>
    </row>
    <row r="56" spans="1:12" ht="10.5" x14ac:dyDescent="0.2">
      <c r="A56" s="189" t="s">
        <v>745</v>
      </c>
      <c r="B56" s="421">
        <v>0</v>
      </c>
      <c r="C56" s="421">
        <v>0</v>
      </c>
      <c r="D56" s="421">
        <v>0</v>
      </c>
      <c r="E56" s="421">
        <v>0</v>
      </c>
      <c r="F56" s="503">
        <v>0</v>
      </c>
      <c r="G56" s="421">
        <v>0</v>
      </c>
      <c r="H56" s="421">
        <v>0</v>
      </c>
      <c r="I56" s="421">
        <v>0</v>
      </c>
      <c r="J56" s="503">
        <v>0</v>
      </c>
      <c r="K56" s="495">
        <v>0</v>
      </c>
      <c r="L56" s="455">
        <v>0</v>
      </c>
    </row>
    <row r="57" spans="1:12" ht="10.5" x14ac:dyDescent="0.2">
      <c r="A57" s="409" t="s">
        <v>675</v>
      </c>
      <c r="B57" s="421">
        <v>0</v>
      </c>
      <c r="C57" s="421">
        <v>0</v>
      </c>
      <c r="D57" s="421">
        <v>0</v>
      </c>
      <c r="E57" s="421">
        <v>0</v>
      </c>
      <c r="F57" s="319">
        <v>0</v>
      </c>
      <c r="G57" s="421">
        <v>0</v>
      </c>
      <c r="H57" s="421">
        <v>0</v>
      </c>
      <c r="I57" s="421">
        <v>0</v>
      </c>
      <c r="J57" s="319">
        <v>0</v>
      </c>
      <c r="K57" s="495">
        <v>0</v>
      </c>
      <c r="L57" s="455">
        <v>0</v>
      </c>
    </row>
    <row r="58" spans="1:12" s="264" customFormat="1" ht="10.5" x14ac:dyDescent="0.2">
      <c r="A58" s="409"/>
      <c r="B58" s="421"/>
      <c r="C58" s="421"/>
      <c r="D58" s="421"/>
      <c r="E58" s="421"/>
      <c r="F58" s="495"/>
      <c r="G58" s="421"/>
      <c r="H58" s="421"/>
      <c r="I58" s="421"/>
      <c r="J58" s="495"/>
      <c r="K58" s="455"/>
      <c r="L58" s="455"/>
    </row>
    <row r="59" spans="1:12" s="66" customFormat="1" ht="10.5" x14ac:dyDescent="0.2">
      <c r="A59" s="142" t="s">
        <v>678</v>
      </c>
      <c r="B59" s="419">
        <v>1081000</v>
      </c>
      <c r="C59" s="419">
        <v>1415000</v>
      </c>
      <c r="D59" s="419">
        <v>2847.1800000000512</v>
      </c>
      <c r="E59" s="419">
        <v>989536.6799999997</v>
      </c>
      <c r="F59" s="500">
        <v>9.2001476932777881E-2</v>
      </c>
      <c r="G59" s="419">
        <v>425463.3200000003</v>
      </c>
      <c r="H59" s="419">
        <v>172475.29</v>
      </c>
      <c r="I59" s="419">
        <v>505919.19999999995</v>
      </c>
      <c r="J59" s="500">
        <v>8.9420983835000772E-2</v>
      </c>
      <c r="K59" s="501">
        <v>909080.8</v>
      </c>
      <c r="L59" s="318">
        <v>0</v>
      </c>
    </row>
    <row r="60" spans="1:12" ht="10.5" x14ac:dyDescent="0.2">
      <c r="A60" s="189" t="s">
        <v>679</v>
      </c>
      <c r="B60" s="421">
        <v>1081000</v>
      </c>
      <c r="C60" s="421">
        <v>1415000</v>
      </c>
      <c r="D60" s="421">
        <v>2847.1800000000512</v>
      </c>
      <c r="E60" s="421">
        <v>989536.6799999997</v>
      </c>
      <c r="F60" s="503">
        <v>9.2001476932777881E-2</v>
      </c>
      <c r="G60" s="421">
        <v>425463.3200000003</v>
      </c>
      <c r="H60" s="421">
        <v>172475.29</v>
      </c>
      <c r="I60" s="421">
        <v>505919.19999999995</v>
      </c>
      <c r="J60" s="503">
        <v>8.9420983835000772E-2</v>
      </c>
      <c r="K60" s="495">
        <v>909080.8</v>
      </c>
      <c r="L60" s="455">
        <v>0</v>
      </c>
    </row>
    <row r="61" spans="1:12" ht="10.5" x14ac:dyDescent="0.2">
      <c r="A61" s="189"/>
      <c r="B61" s="421"/>
      <c r="C61" s="421"/>
      <c r="D61" s="421"/>
      <c r="E61" s="421"/>
      <c r="F61" s="495"/>
      <c r="G61" s="421"/>
      <c r="H61" s="421"/>
      <c r="I61" s="421"/>
      <c r="J61" s="495"/>
      <c r="K61" s="455"/>
      <c r="L61" s="455"/>
    </row>
    <row r="62" spans="1:12" s="66" customFormat="1" ht="10.5" x14ac:dyDescent="0.2">
      <c r="A62" s="142" t="s">
        <v>680</v>
      </c>
      <c r="B62" s="419">
        <v>7917500</v>
      </c>
      <c r="C62" s="419">
        <v>15482437.949999999</v>
      </c>
      <c r="D62" s="419">
        <v>5975456.2799999975</v>
      </c>
      <c r="E62" s="419">
        <v>14979413.689999999</v>
      </c>
      <c r="F62" s="500">
        <v>1.3927004535769938</v>
      </c>
      <c r="G62" s="419">
        <v>503024.25999999937</v>
      </c>
      <c r="H62" s="419">
        <v>3592500.48</v>
      </c>
      <c r="I62" s="419">
        <v>11774774.739999998</v>
      </c>
      <c r="J62" s="500">
        <v>2.081185971369174</v>
      </c>
      <c r="K62" s="501">
        <v>3707663.2100000009</v>
      </c>
      <c r="L62" s="318">
        <v>0</v>
      </c>
    </row>
    <row r="63" spans="1:12" ht="10.5" x14ac:dyDescent="0.2">
      <c r="A63" s="189" t="s">
        <v>652</v>
      </c>
      <c r="B63" s="421">
        <v>408500</v>
      </c>
      <c r="C63" s="421">
        <v>426500</v>
      </c>
      <c r="D63" s="421">
        <v>28737.1</v>
      </c>
      <c r="E63" s="421">
        <v>375237.10000000003</v>
      </c>
      <c r="F63" s="503">
        <v>3.4887405487558559E-2</v>
      </c>
      <c r="G63" s="421">
        <v>51262.899999999965</v>
      </c>
      <c r="H63" s="421">
        <v>62932.91</v>
      </c>
      <c r="I63" s="421">
        <v>188585.40999999997</v>
      </c>
      <c r="J63" s="503">
        <v>3.3332383706977303E-2</v>
      </c>
      <c r="K63" s="495">
        <v>237914.59000000003</v>
      </c>
      <c r="L63" s="455">
        <v>0</v>
      </c>
    </row>
    <row r="64" spans="1:12" ht="10.5" x14ac:dyDescent="0.2">
      <c r="A64" s="45" t="s">
        <v>681</v>
      </c>
      <c r="B64" s="421">
        <v>7509000</v>
      </c>
      <c r="C64" s="421">
        <v>15055937.949999999</v>
      </c>
      <c r="D64" s="421">
        <v>5946719.1799999978</v>
      </c>
      <c r="E64" s="421">
        <v>14604176.59</v>
      </c>
      <c r="F64" s="503">
        <v>1.3578130480894353</v>
      </c>
      <c r="G64" s="421">
        <v>451761.3599999994</v>
      </c>
      <c r="H64" s="421">
        <v>3529567.57</v>
      </c>
      <c r="I64" s="421">
        <v>11586189.329999998</v>
      </c>
      <c r="J64" s="503">
        <v>2.0478535876621966</v>
      </c>
      <c r="K64" s="495">
        <v>3469748.620000001</v>
      </c>
      <c r="L64" s="455">
        <v>0</v>
      </c>
    </row>
    <row r="65" spans="1:12" ht="10.5" x14ac:dyDescent="0.2">
      <c r="A65" s="189" t="s">
        <v>682</v>
      </c>
      <c r="B65" s="421">
        <v>0</v>
      </c>
      <c r="C65" s="421">
        <v>0</v>
      </c>
      <c r="D65" s="421">
        <v>0</v>
      </c>
      <c r="E65" s="421">
        <v>0</v>
      </c>
      <c r="F65" s="503">
        <v>0</v>
      </c>
      <c r="G65" s="421">
        <v>0</v>
      </c>
      <c r="H65" s="421">
        <v>0</v>
      </c>
      <c r="I65" s="421">
        <v>0</v>
      </c>
      <c r="J65" s="503">
        <v>0</v>
      </c>
      <c r="K65" s="495">
        <v>0</v>
      </c>
      <c r="L65" s="455">
        <v>0</v>
      </c>
    </row>
    <row r="66" spans="1:12" ht="10.5" x14ac:dyDescent="0.2">
      <c r="A66" s="189"/>
      <c r="B66" s="421"/>
      <c r="C66" s="421"/>
      <c r="D66" s="421"/>
      <c r="E66" s="421"/>
      <c r="F66" s="495"/>
      <c r="G66" s="421"/>
      <c r="H66" s="421"/>
      <c r="I66" s="421"/>
      <c r="J66" s="495"/>
      <c r="K66" s="455"/>
      <c r="L66" s="455"/>
    </row>
    <row r="67" spans="1:12" s="66" customFormat="1" ht="10.5" x14ac:dyDescent="0.2">
      <c r="A67" s="142" t="s">
        <v>687</v>
      </c>
      <c r="B67" s="419">
        <v>593500</v>
      </c>
      <c r="C67" s="419">
        <v>633500</v>
      </c>
      <c r="D67" s="419">
        <v>14629.320000000022</v>
      </c>
      <c r="E67" s="419">
        <v>540450.00000000023</v>
      </c>
      <c r="F67" s="500">
        <v>5.0247958679328436E-2</v>
      </c>
      <c r="G67" s="419">
        <v>93049.999999999767</v>
      </c>
      <c r="H67" s="419">
        <v>130289.31</v>
      </c>
      <c r="I67" s="419">
        <v>395204.45999999996</v>
      </c>
      <c r="J67" s="500">
        <v>6.9852204915686555E-2</v>
      </c>
      <c r="K67" s="501">
        <v>238295.54000000004</v>
      </c>
      <c r="L67" s="318">
        <v>0</v>
      </c>
    </row>
    <row r="68" spans="1:12" ht="10.5" x14ac:dyDescent="0.2">
      <c r="A68" s="189" t="s">
        <v>647</v>
      </c>
      <c r="B68" s="421">
        <v>593500</v>
      </c>
      <c r="C68" s="421">
        <v>633500</v>
      </c>
      <c r="D68" s="421">
        <v>14629.320000000022</v>
      </c>
      <c r="E68" s="421">
        <v>540450.00000000023</v>
      </c>
      <c r="F68" s="503">
        <v>5.0247958679328436E-2</v>
      </c>
      <c r="G68" s="421">
        <v>93049.999999999767</v>
      </c>
      <c r="H68" s="421">
        <v>130289.31</v>
      </c>
      <c r="I68" s="421">
        <v>395204.45999999996</v>
      </c>
      <c r="J68" s="503">
        <v>6.9852204915686555E-2</v>
      </c>
      <c r="K68" s="495">
        <v>238295.54000000004</v>
      </c>
      <c r="L68" s="455">
        <v>0</v>
      </c>
    </row>
    <row r="69" spans="1:12" ht="10.5" x14ac:dyDescent="0.2">
      <c r="A69" s="189" t="s">
        <v>688</v>
      </c>
      <c r="B69" s="421">
        <v>0</v>
      </c>
      <c r="C69" s="421">
        <v>0</v>
      </c>
      <c r="D69" s="421">
        <v>0</v>
      </c>
      <c r="E69" s="421">
        <v>0</v>
      </c>
      <c r="F69" s="503">
        <v>0</v>
      </c>
      <c r="G69" s="421">
        <v>0</v>
      </c>
      <c r="H69" s="421">
        <v>0</v>
      </c>
      <c r="I69" s="421">
        <v>0</v>
      </c>
      <c r="J69" s="503">
        <v>0</v>
      </c>
      <c r="K69" s="495">
        <v>0</v>
      </c>
      <c r="L69" s="455">
        <v>0</v>
      </c>
    </row>
    <row r="70" spans="1:12" ht="10.5" x14ac:dyDescent="0.2">
      <c r="A70" s="189"/>
      <c r="B70" s="421"/>
      <c r="C70" s="421"/>
      <c r="D70" s="421"/>
      <c r="E70" s="421"/>
      <c r="F70" s="495"/>
      <c r="G70" s="421"/>
      <c r="H70" s="421"/>
      <c r="I70" s="421"/>
      <c r="J70" s="495"/>
      <c r="K70" s="455"/>
      <c r="L70" s="455"/>
    </row>
    <row r="71" spans="1:12" s="66" customFormat="1" ht="10.5" x14ac:dyDescent="0.2">
      <c r="A71" s="142" t="s">
        <v>691</v>
      </c>
      <c r="B71" s="419">
        <v>6387700</v>
      </c>
      <c r="C71" s="419">
        <v>7197409.9100000001</v>
      </c>
      <c r="D71" s="419">
        <v>564446.78000000026</v>
      </c>
      <c r="E71" s="419">
        <v>1871741.7399999998</v>
      </c>
      <c r="F71" s="500">
        <v>0.17402387197686051</v>
      </c>
      <c r="G71" s="419">
        <v>5325668.17</v>
      </c>
      <c r="H71" s="419">
        <v>625765.20000000019</v>
      </c>
      <c r="I71" s="419">
        <v>1849775.1699999997</v>
      </c>
      <c r="J71" s="500">
        <v>0.32694690293421519</v>
      </c>
      <c r="K71" s="501">
        <v>5347634.74</v>
      </c>
      <c r="L71" s="318">
        <v>0</v>
      </c>
    </row>
    <row r="72" spans="1:12" ht="10.5" x14ac:dyDescent="0.2">
      <c r="A72" s="408" t="s">
        <v>647</v>
      </c>
      <c r="B72" s="421">
        <v>6387700</v>
      </c>
      <c r="C72" s="421">
        <v>7197409.9100000001</v>
      </c>
      <c r="D72" s="421">
        <v>564446.78000000026</v>
      </c>
      <c r="E72" s="421">
        <v>1871741.7399999998</v>
      </c>
      <c r="F72" s="503">
        <v>0.17402387197686051</v>
      </c>
      <c r="G72" s="421">
        <v>5325668.17</v>
      </c>
      <c r="H72" s="421">
        <v>625765.20000000019</v>
      </c>
      <c r="I72" s="421">
        <v>1849775.1699999997</v>
      </c>
      <c r="J72" s="503">
        <v>0.32694690293421519</v>
      </c>
      <c r="K72" s="495">
        <v>5347634.74</v>
      </c>
      <c r="L72" s="455">
        <v>0</v>
      </c>
    </row>
    <row r="73" spans="1:12" ht="10.5" x14ac:dyDescent="0.2">
      <c r="A73" s="189"/>
      <c r="B73" s="421"/>
      <c r="C73" s="421"/>
      <c r="D73" s="421"/>
      <c r="E73" s="421"/>
      <c r="F73" s="495"/>
      <c r="G73" s="421"/>
      <c r="H73" s="421"/>
      <c r="I73" s="421"/>
      <c r="J73" s="495"/>
      <c r="K73" s="455"/>
      <c r="L73" s="455"/>
    </row>
    <row r="74" spans="1:12" s="66" customFormat="1" ht="10.5" x14ac:dyDescent="0.2">
      <c r="A74" s="142" t="s">
        <v>697</v>
      </c>
      <c r="B74" s="419">
        <v>0</v>
      </c>
      <c r="C74" s="419">
        <v>0</v>
      </c>
      <c r="D74" s="419">
        <v>0</v>
      </c>
      <c r="E74" s="419">
        <v>0</v>
      </c>
      <c r="F74" s="500">
        <v>0</v>
      </c>
      <c r="G74" s="419">
        <v>0</v>
      </c>
      <c r="H74" s="419">
        <v>0</v>
      </c>
      <c r="I74" s="419">
        <v>0</v>
      </c>
      <c r="J74" s="500">
        <v>0</v>
      </c>
      <c r="K74" s="501">
        <v>0</v>
      </c>
      <c r="L74" s="318">
        <v>0</v>
      </c>
    </row>
    <row r="75" spans="1:12" ht="10.5" x14ac:dyDescent="0.2">
      <c r="A75" s="189" t="s">
        <v>698</v>
      </c>
      <c r="B75" s="421">
        <v>0</v>
      </c>
      <c r="C75" s="421"/>
      <c r="D75" s="421">
        <v>0</v>
      </c>
      <c r="E75" s="421">
        <v>0</v>
      </c>
      <c r="F75" s="503">
        <v>0</v>
      </c>
      <c r="G75" s="421">
        <v>0</v>
      </c>
      <c r="H75" s="421">
        <v>0</v>
      </c>
      <c r="I75" s="421">
        <v>0</v>
      </c>
      <c r="J75" s="503">
        <v>0</v>
      </c>
      <c r="K75" s="495">
        <v>0</v>
      </c>
      <c r="L75" s="455">
        <v>0</v>
      </c>
    </row>
    <row r="76" spans="1:12" ht="10.5" x14ac:dyDescent="0.2">
      <c r="A76" s="189"/>
      <c r="B76" s="421"/>
      <c r="C76" s="421"/>
      <c r="D76" s="421"/>
      <c r="E76" s="421"/>
      <c r="F76" s="495"/>
      <c r="G76" s="421"/>
      <c r="H76" s="421"/>
      <c r="I76" s="421"/>
      <c r="J76" s="495"/>
      <c r="K76" s="455"/>
      <c r="L76" s="455"/>
    </row>
    <row r="77" spans="1:12" s="66" customFormat="1" ht="10.5" x14ac:dyDescent="0.2">
      <c r="A77" s="142" t="s">
        <v>701</v>
      </c>
      <c r="B77" s="419">
        <v>27130700</v>
      </c>
      <c r="C77" s="419">
        <v>22420819.16</v>
      </c>
      <c r="D77" s="419">
        <v>516733.18000000087</v>
      </c>
      <c r="E77" s="419">
        <v>19114681.890000004</v>
      </c>
      <c r="F77" s="500">
        <v>1.7771741063506843</v>
      </c>
      <c r="G77" s="419">
        <v>3306137.2699999958</v>
      </c>
      <c r="H77" s="419">
        <v>3698706.78</v>
      </c>
      <c r="I77" s="419">
        <v>9970900.0199999996</v>
      </c>
      <c r="J77" s="500">
        <v>1.7623519516729726</v>
      </c>
      <c r="K77" s="501">
        <v>12449919.140000001</v>
      </c>
      <c r="L77" s="318">
        <v>0</v>
      </c>
    </row>
    <row r="78" spans="1:12" ht="10.5" x14ac:dyDescent="0.2">
      <c r="A78" s="189" t="s">
        <v>647</v>
      </c>
      <c r="B78" s="421">
        <v>27130700</v>
      </c>
      <c r="C78" s="421">
        <v>22420819.16</v>
      </c>
      <c r="D78" s="421">
        <v>516733.18000000087</v>
      </c>
      <c r="E78" s="421">
        <v>19114681.890000004</v>
      </c>
      <c r="F78" s="503">
        <v>1.7771741063506843</v>
      </c>
      <c r="G78" s="421">
        <v>3306137.2699999958</v>
      </c>
      <c r="H78" s="421">
        <v>3698706.78</v>
      </c>
      <c r="I78" s="421">
        <v>9970900.0199999996</v>
      </c>
      <c r="J78" s="503">
        <v>1.7623519516729726</v>
      </c>
      <c r="K78" s="495">
        <v>12449919.140000001</v>
      </c>
      <c r="L78" s="455">
        <v>0</v>
      </c>
    </row>
    <row r="79" spans="1:12" ht="10.5" x14ac:dyDescent="0.2">
      <c r="A79" s="189"/>
      <c r="B79" s="421"/>
      <c r="C79" s="421"/>
      <c r="D79" s="421"/>
      <c r="E79" s="421"/>
      <c r="F79" s="495"/>
      <c r="G79" s="421"/>
      <c r="H79" s="421"/>
      <c r="I79" s="421"/>
      <c r="J79" s="495"/>
      <c r="K79" s="455"/>
      <c r="L79" s="455"/>
    </row>
    <row r="80" spans="1:12" s="66" customFormat="1" ht="10.5" x14ac:dyDescent="0.2">
      <c r="A80" s="142" t="s">
        <v>709</v>
      </c>
      <c r="B80" s="419">
        <v>2184500</v>
      </c>
      <c r="C80" s="419">
        <v>2149892.14</v>
      </c>
      <c r="D80" s="419">
        <v>191366.50999999998</v>
      </c>
      <c r="E80" s="419">
        <v>1804541.6600000006</v>
      </c>
      <c r="F80" s="500">
        <v>0.16777599179721847</v>
      </c>
      <c r="G80" s="419">
        <v>345350.4799999994</v>
      </c>
      <c r="H80" s="419">
        <v>242397.34999999998</v>
      </c>
      <c r="I80" s="419">
        <v>836303.89</v>
      </c>
      <c r="J80" s="500">
        <v>0.14781632448192969</v>
      </c>
      <c r="K80" s="501">
        <v>1313588.25</v>
      </c>
      <c r="L80" s="318">
        <v>0</v>
      </c>
    </row>
    <row r="81" spans="1:12" ht="10.5" x14ac:dyDescent="0.2">
      <c r="A81" s="189" t="s">
        <v>708</v>
      </c>
      <c r="B81" s="421">
        <v>995500</v>
      </c>
      <c r="C81" s="421">
        <v>1161700</v>
      </c>
      <c r="D81" s="421">
        <v>191366.50999999998</v>
      </c>
      <c r="E81" s="421">
        <v>991950.70000000019</v>
      </c>
      <c r="F81" s="503">
        <v>9.2225918744621896E-2</v>
      </c>
      <c r="G81" s="421">
        <v>169749.29999999981</v>
      </c>
      <c r="H81" s="421">
        <v>116637.28999999998</v>
      </c>
      <c r="I81" s="421">
        <v>451439.70999999996</v>
      </c>
      <c r="J81" s="503">
        <v>7.9791759257975256E-2</v>
      </c>
      <c r="K81" s="495">
        <v>710260.29</v>
      </c>
      <c r="L81" s="455">
        <v>0</v>
      </c>
    </row>
    <row r="82" spans="1:12" ht="10.5" x14ac:dyDescent="0.2">
      <c r="A82" s="189" t="s">
        <v>710</v>
      </c>
      <c r="B82" s="421">
        <v>1189000</v>
      </c>
      <c r="C82" s="421">
        <v>988192.14</v>
      </c>
      <c r="D82" s="421">
        <v>0</v>
      </c>
      <c r="E82" s="421">
        <v>812590.96000000043</v>
      </c>
      <c r="F82" s="503">
        <v>7.5550073052596603E-2</v>
      </c>
      <c r="G82" s="421">
        <v>175601.17999999959</v>
      </c>
      <c r="H82" s="421">
        <v>125760.05999999998</v>
      </c>
      <c r="I82" s="421">
        <v>384864.18000000005</v>
      </c>
      <c r="J82" s="503">
        <v>6.8024565223954406E-2</v>
      </c>
      <c r="K82" s="495">
        <v>603327.96</v>
      </c>
      <c r="L82" s="455">
        <v>0</v>
      </c>
    </row>
    <row r="83" spans="1:12" ht="10.5" x14ac:dyDescent="0.2">
      <c r="A83" s="189" t="s">
        <v>711</v>
      </c>
      <c r="B83" s="421">
        <v>0</v>
      </c>
      <c r="C83" s="421">
        <v>0</v>
      </c>
      <c r="D83" s="421">
        <v>0</v>
      </c>
      <c r="E83" s="421">
        <v>0</v>
      </c>
      <c r="F83" s="503">
        <v>0</v>
      </c>
      <c r="G83" s="421">
        <v>0</v>
      </c>
      <c r="H83" s="421">
        <v>0</v>
      </c>
      <c r="I83" s="421">
        <v>0</v>
      </c>
      <c r="J83" s="503">
        <v>0</v>
      </c>
      <c r="K83" s="495">
        <v>0</v>
      </c>
      <c r="L83" s="455">
        <v>0</v>
      </c>
    </row>
    <row r="84" spans="1:12" ht="10.5" x14ac:dyDescent="0.2">
      <c r="A84" s="189" t="s">
        <v>123</v>
      </c>
      <c r="B84" s="421"/>
      <c r="C84" s="421"/>
      <c r="D84" s="421"/>
      <c r="E84" s="421"/>
      <c r="F84" s="495"/>
      <c r="G84" s="421"/>
      <c r="H84" s="421"/>
      <c r="I84" s="421"/>
      <c r="J84" s="495"/>
      <c r="K84" s="455"/>
      <c r="L84" s="455"/>
    </row>
    <row r="85" spans="1:12" s="66" customFormat="1" ht="10.5" x14ac:dyDescent="0.2">
      <c r="A85" s="142" t="s">
        <v>754</v>
      </c>
      <c r="B85" s="419">
        <v>649800</v>
      </c>
      <c r="C85" s="419">
        <v>649800</v>
      </c>
      <c r="D85" s="419">
        <v>0</v>
      </c>
      <c r="E85" s="419">
        <v>0</v>
      </c>
      <c r="F85" s="500">
        <v>0</v>
      </c>
      <c r="G85" s="419">
        <v>649800</v>
      </c>
      <c r="H85" s="419">
        <v>0</v>
      </c>
      <c r="I85" s="419">
        <v>0</v>
      </c>
      <c r="J85" s="500">
        <v>0</v>
      </c>
      <c r="K85" s="501">
        <v>649800</v>
      </c>
      <c r="L85" s="318">
        <v>0</v>
      </c>
    </row>
    <row r="86" spans="1:12" ht="10.5" x14ac:dyDescent="0.2">
      <c r="A86" s="189" t="s">
        <v>708</v>
      </c>
      <c r="B86" s="421">
        <v>649800</v>
      </c>
      <c r="C86" s="421">
        <v>649800</v>
      </c>
      <c r="D86" s="421">
        <v>0</v>
      </c>
      <c r="E86" s="421">
        <v>0</v>
      </c>
      <c r="F86" s="503">
        <v>0</v>
      </c>
      <c r="G86" s="421">
        <v>649800</v>
      </c>
      <c r="H86" s="421">
        <v>0</v>
      </c>
      <c r="I86" s="421">
        <v>0</v>
      </c>
      <c r="J86" s="503">
        <v>0</v>
      </c>
      <c r="K86" s="495">
        <v>649800</v>
      </c>
      <c r="L86" s="455">
        <v>0</v>
      </c>
    </row>
    <row r="87" spans="1:12" ht="10.5" x14ac:dyDescent="0.2">
      <c r="A87" s="189"/>
      <c r="B87" s="421"/>
      <c r="C87" s="421"/>
      <c r="D87" s="421"/>
      <c r="E87" s="421"/>
      <c r="F87" s="495"/>
      <c r="G87" s="421"/>
      <c r="H87" s="421"/>
      <c r="I87" s="421"/>
      <c r="J87" s="495"/>
      <c r="K87" s="455"/>
      <c r="L87" s="455"/>
    </row>
    <row r="88" spans="1:12" s="66" customFormat="1" ht="10.5" x14ac:dyDescent="0.2">
      <c r="A88" s="142" t="s">
        <v>715</v>
      </c>
      <c r="B88" s="419">
        <v>26070000</v>
      </c>
      <c r="C88" s="419">
        <v>24556469</v>
      </c>
      <c r="D88" s="419">
        <v>103615.15999999968</v>
      </c>
      <c r="E88" s="419">
        <v>15569310.989999995</v>
      </c>
      <c r="F88" s="500">
        <v>1.4475457402000804</v>
      </c>
      <c r="G88" s="419">
        <v>8987158.0100000054</v>
      </c>
      <c r="H88" s="419">
        <v>2670622.8600000003</v>
      </c>
      <c r="I88" s="419">
        <v>7828726.3500000006</v>
      </c>
      <c r="J88" s="500">
        <v>1.383723749547348</v>
      </c>
      <c r="K88" s="501">
        <v>16727742.649999999</v>
      </c>
      <c r="L88" s="318">
        <v>0</v>
      </c>
    </row>
    <row r="89" spans="1:12" ht="10.5" x14ac:dyDescent="0.2">
      <c r="A89" s="189" t="s">
        <v>647</v>
      </c>
      <c r="B89" s="421">
        <v>26070000</v>
      </c>
      <c r="C89" s="421">
        <v>24556469</v>
      </c>
      <c r="D89" s="421">
        <v>103615.15999999968</v>
      </c>
      <c r="E89" s="421">
        <v>15569310.989999995</v>
      </c>
      <c r="F89" s="503">
        <v>1.4475457402000804</v>
      </c>
      <c r="G89" s="421">
        <v>8987158.0100000054</v>
      </c>
      <c r="H89" s="421">
        <v>2670622.8600000003</v>
      </c>
      <c r="I89" s="421">
        <v>7828726.3500000006</v>
      </c>
      <c r="J89" s="503">
        <v>1.383723749547348</v>
      </c>
      <c r="K89" s="495">
        <v>16727742.649999999</v>
      </c>
      <c r="L89" s="455">
        <v>0</v>
      </c>
    </row>
    <row r="90" spans="1:12" s="187" customFormat="1" ht="10.5" x14ac:dyDescent="0.2">
      <c r="A90" s="189"/>
      <c r="B90" s="421"/>
      <c r="C90" s="421"/>
      <c r="D90" s="421"/>
      <c r="E90" s="421"/>
      <c r="F90" s="495"/>
      <c r="G90" s="421"/>
      <c r="H90" s="421"/>
      <c r="I90" s="421"/>
      <c r="J90" s="495"/>
      <c r="K90" s="455"/>
      <c r="L90" s="455"/>
    </row>
    <row r="91" spans="1:12" s="66" customFormat="1" ht="10.5" x14ac:dyDescent="0.2">
      <c r="A91" s="142" t="s">
        <v>720</v>
      </c>
      <c r="B91" s="419">
        <v>103000</v>
      </c>
      <c r="C91" s="419">
        <v>143848.13</v>
      </c>
      <c r="D91" s="419">
        <v>23498.630000000005</v>
      </c>
      <c r="E91" s="419">
        <v>102498.63000000002</v>
      </c>
      <c r="F91" s="500">
        <v>9.5297380422384552E-3</v>
      </c>
      <c r="G91" s="419">
        <v>41349.499999999985</v>
      </c>
      <c r="H91" s="419">
        <v>15792.74</v>
      </c>
      <c r="I91" s="419">
        <v>45391.37000000001</v>
      </c>
      <c r="J91" s="500">
        <v>8.0229035842453514E-3</v>
      </c>
      <c r="K91" s="501">
        <v>98456.76</v>
      </c>
      <c r="L91" s="318">
        <v>0</v>
      </c>
    </row>
    <row r="92" spans="1:12" ht="10.5" x14ac:dyDescent="0.2">
      <c r="A92" s="189" t="s">
        <v>721</v>
      </c>
      <c r="B92" s="421">
        <v>40000</v>
      </c>
      <c r="C92" s="421">
        <v>40000</v>
      </c>
      <c r="D92" s="421">
        <v>0</v>
      </c>
      <c r="E92" s="421">
        <v>0</v>
      </c>
      <c r="F92" s="503">
        <v>0</v>
      </c>
      <c r="G92" s="421">
        <v>40000</v>
      </c>
      <c r="H92" s="421">
        <v>0</v>
      </c>
      <c r="I92" s="421">
        <v>0</v>
      </c>
      <c r="J92" s="503">
        <v>0</v>
      </c>
      <c r="K92" s="495">
        <v>40000</v>
      </c>
      <c r="L92" s="455">
        <v>0</v>
      </c>
    </row>
    <row r="93" spans="1:12" ht="10.5" x14ac:dyDescent="0.2">
      <c r="A93" s="189" t="s">
        <v>722</v>
      </c>
      <c r="B93" s="421">
        <v>63000</v>
      </c>
      <c r="C93" s="421">
        <v>103848.13</v>
      </c>
      <c r="D93" s="421">
        <v>23498.630000000005</v>
      </c>
      <c r="E93" s="421">
        <v>102498.63000000002</v>
      </c>
      <c r="F93" s="503">
        <v>9.5297380422384552E-3</v>
      </c>
      <c r="G93" s="421">
        <v>1349.4999999999854</v>
      </c>
      <c r="H93" s="421">
        <v>15792.74</v>
      </c>
      <c r="I93" s="421">
        <v>45391.37000000001</v>
      </c>
      <c r="J93" s="503">
        <v>8.0229035842453514E-3</v>
      </c>
      <c r="K93" s="495">
        <v>58456.759999999995</v>
      </c>
      <c r="L93" s="455">
        <v>0</v>
      </c>
    </row>
    <row r="94" spans="1:12" ht="10.5" x14ac:dyDescent="0.2">
      <c r="A94" s="189"/>
      <c r="B94" s="421"/>
      <c r="C94" s="421"/>
      <c r="D94" s="421"/>
      <c r="E94" s="421"/>
      <c r="F94" s="495"/>
      <c r="G94" s="421"/>
      <c r="H94" s="421"/>
      <c r="I94" s="421"/>
      <c r="J94" s="495"/>
      <c r="K94" s="455"/>
      <c r="L94" s="455"/>
    </row>
    <row r="95" spans="1:12" s="66" customFormat="1" ht="10.5" x14ac:dyDescent="0.2">
      <c r="A95" s="142" t="s">
        <v>723</v>
      </c>
      <c r="B95" s="419">
        <v>12133000</v>
      </c>
      <c r="C95" s="419">
        <v>37299000</v>
      </c>
      <c r="D95" s="419">
        <v>1971458.3000000007</v>
      </c>
      <c r="E95" s="419">
        <v>32191458.300000001</v>
      </c>
      <c r="F95" s="500">
        <v>2.9929781968465607</v>
      </c>
      <c r="G95" s="419">
        <v>5107541.6999999993</v>
      </c>
      <c r="H95" s="419">
        <v>7104649.8800000008</v>
      </c>
      <c r="I95" s="419">
        <v>16936529.140000001</v>
      </c>
      <c r="J95" s="500">
        <v>2.9935236663264799</v>
      </c>
      <c r="K95" s="501">
        <v>20362470.859999999</v>
      </c>
      <c r="L95" s="318">
        <v>0</v>
      </c>
    </row>
    <row r="96" spans="1:12" ht="10.5" x14ac:dyDescent="0.2">
      <c r="A96" s="189" t="s">
        <v>726</v>
      </c>
      <c r="B96" s="421">
        <v>12133000</v>
      </c>
      <c r="C96" s="421">
        <v>37299000</v>
      </c>
      <c r="D96" s="421">
        <v>1971458.3000000007</v>
      </c>
      <c r="E96" s="421">
        <v>32191458.300000001</v>
      </c>
      <c r="F96" s="503">
        <v>2.9929781968465607</v>
      </c>
      <c r="G96" s="421">
        <v>5107541.6999999993</v>
      </c>
      <c r="H96" s="421">
        <v>7104649.8800000008</v>
      </c>
      <c r="I96" s="421">
        <v>16936529.140000001</v>
      </c>
      <c r="J96" s="503">
        <v>2.9935236663264799</v>
      </c>
      <c r="K96" s="495">
        <v>20362470.859999999</v>
      </c>
      <c r="L96" s="455">
        <v>0</v>
      </c>
    </row>
    <row r="97" spans="1:12" ht="15" customHeight="1" x14ac:dyDescent="0.2">
      <c r="A97" s="144" t="s">
        <v>733</v>
      </c>
      <c r="B97" s="361">
        <v>993939500</v>
      </c>
      <c r="C97" s="361">
        <v>1288642155.1800005</v>
      </c>
      <c r="D97" s="361">
        <v>187826435.25000006</v>
      </c>
      <c r="E97" s="361">
        <v>1075566081.1000001</v>
      </c>
      <c r="F97" s="505">
        <v>100</v>
      </c>
      <c r="G97" s="361">
        <v>213076074.07999992</v>
      </c>
      <c r="H97" s="361">
        <v>203827662.84999999</v>
      </c>
      <c r="I97" s="361">
        <v>565772348.16999996</v>
      </c>
      <c r="J97" s="505">
        <v>100</v>
      </c>
      <c r="K97" s="499">
        <v>722869807.00999999</v>
      </c>
      <c r="L97" s="229">
        <v>0</v>
      </c>
    </row>
    <row r="98" spans="1:12" ht="10.5" x14ac:dyDescent="0.2">
      <c r="A98" s="45" t="s">
        <v>846</v>
      </c>
      <c r="L98" s="292"/>
    </row>
    <row r="99" spans="1:12" ht="10.5" x14ac:dyDescent="0.2">
      <c r="A99" s="202"/>
    </row>
    <row r="100" spans="1:12" ht="10.5" x14ac:dyDescent="0.2">
      <c r="A100" s="183"/>
      <c r="C100" s="410"/>
    </row>
    <row r="101" spans="1:12" s="264" customFormat="1" ht="10.5" x14ac:dyDescent="0.2">
      <c r="A101" s="388"/>
      <c r="B101" s="45"/>
      <c r="C101" s="45"/>
      <c r="D101" s="45"/>
      <c r="E101" s="45"/>
      <c r="F101" s="45"/>
      <c r="G101" s="45"/>
      <c r="H101" s="45"/>
      <c r="I101" s="45"/>
      <c r="J101" s="45"/>
      <c r="K101" s="45"/>
      <c r="L101" s="45"/>
    </row>
    <row r="102" spans="1:12" s="264" customFormat="1" ht="10.5" x14ac:dyDescent="0.2">
      <c r="A102" s="388"/>
      <c r="B102" s="45"/>
      <c r="C102" s="45"/>
      <c r="D102" s="45"/>
      <c r="E102" s="45"/>
      <c r="F102" s="45"/>
      <c r="G102" s="45"/>
      <c r="H102" s="45"/>
      <c r="I102" s="45"/>
      <c r="J102" s="45"/>
      <c r="K102" s="45"/>
      <c r="L102" s="45"/>
    </row>
    <row r="103" spans="1:12" s="264" customFormat="1" ht="10.5" x14ac:dyDescent="0.2">
      <c r="A103" s="388"/>
      <c r="B103" s="45"/>
      <c r="C103" s="45"/>
      <c r="D103" s="45"/>
      <c r="E103" s="45"/>
      <c r="F103" s="45"/>
      <c r="G103" s="45"/>
      <c r="H103" s="45"/>
      <c r="I103" s="45"/>
      <c r="J103" s="45"/>
      <c r="K103" s="45"/>
      <c r="L103" s="45"/>
    </row>
    <row r="104" spans="1:12" ht="10.5" x14ac:dyDescent="0.2"/>
    <row r="105" spans="1:12" ht="10.5" x14ac:dyDescent="0.2"/>
    <row r="106" spans="1:12" ht="10.5" x14ac:dyDescent="0.2"/>
    <row r="107" spans="1:12" s="45" customFormat="1" ht="11.25" customHeight="1" x14ac:dyDescent="0.2"/>
    <row r="108" spans="1:12" s="45" customFormat="1" ht="11.25" customHeight="1" x14ac:dyDescent="0.2"/>
    <row r="109" spans="1:12" s="45" customFormat="1" ht="11.25" customHeight="1" x14ac:dyDescent="0.2"/>
    <row r="110" spans="1:12" s="45" customFormat="1" ht="11.25" customHeight="1" x14ac:dyDescent="0.2"/>
    <row r="111" spans="1:12" s="45" customFormat="1" ht="11.25" customHeight="1" x14ac:dyDescent="0.2"/>
    <row r="112" spans="1:12" s="45" customFormat="1" ht="11.25" customHeight="1" x14ac:dyDescent="0.2"/>
    <row r="113" s="45" customFormat="1" ht="11.25" customHeight="1"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45" orientation="portrait" r:id="rId1"/>
    </customSheetView>
    <customSheetView guid="{82EDB5A4-4824-4632-A540-7A52C92F04C7}" showPageBreaks="1" showGridLines="0" fitToPage="1" topLeftCell="A68">
      <selection activeCell="C97" sqref="C97"/>
      <pageMargins left="0.19685039370078741" right="0.19685039370078741" top="0.59055118110236227" bottom="0.19685039370078741" header="0" footer="0"/>
      <printOptions horizontalCentered="1"/>
      <pageSetup paperSize="9" scale="45" orientation="portrait" r:id="rId2"/>
    </customSheetView>
    <customSheetView guid="{3AAF6A5F-F9AA-430B-9AD9-1261ECDF41B5}" showPageBreaks="1" showGridLines="0" fitToPage="1" printArea="1" topLeftCell="B81">
      <selection activeCell="F88" sqref="F88"/>
      <pageMargins left="0.19685039370078741" right="0.19685039370078741" top="0.59055118110236227" bottom="0.19685039370078741" header="0" footer="0"/>
      <printOptions horizontalCentered="1"/>
      <pageSetup paperSize="9" scale="45" orientation="portrait" r:id="rId3"/>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4"/>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45" orientation="portrait" r:id="rId5"/>
    </customSheetView>
    <customSheetView guid="{6DBFA32C-4AA4-4E1D-9A48-697377C64CC3}" showPageBreaks="1" showGridLines="0" fitToPage="1" printArea="1">
      <selection activeCell="C97" sqref="C97"/>
      <pageMargins left="0.19685039370078741" right="0.19685039370078741" top="0.59055118110236227" bottom="0.19685039370078741" header="0" footer="0"/>
      <printOptions horizontalCentered="1"/>
      <pageSetup paperSize="9" scale="45" orientation="portrait" r:id="rId6"/>
    </customSheetView>
    <customSheetView guid="{25EF1E0D-169B-4051-B414-7E1196FC05E4}" showPageBreaks="1" showGridLines="0" fitToPage="1" printArea="1" topLeftCell="C1">
      <selection activeCell="D93" sqref="D93"/>
      <pageMargins left="0.19685039370078741" right="0.19685039370078741" top="0.59055118110236227" bottom="0.19685039370078741" header="0" footer="0"/>
      <printOptions horizontalCentered="1"/>
      <pageSetup paperSize="9" scale="45" orientation="portrait" r:id="rId7"/>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6" orientation="portrait" r:id="rId8"/>
  <drawing r:id="rId9"/>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tabColor rgb="FF00B050"/>
    <pageSetUpPr fitToPage="1"/>
  </sheetPr>
  <dimension ref="A1:P85"/>
  <sheetViews>
    <sheetView showGridLines="0" zoomScaleNormal="100" workbookViewId="0"/>
  </sheetViews>
  <sheetFormatPr defaultColWidth="4.140625" defaultRowHeight="11.25" customHeight="1" x14ac:dyDescent="0.2"/>
  <cols>
    <col min="1" max="1" width="45.140625" style="264" customWidth="1"/>
    <col min="2" max="2" width="20.5703125" style="299" customWidth="1"/>
    <col min="3" max="3" width="19" style="299" customWidth="1"/>
    <col min="4" max="4" width="19" style="299" bestFit="1" customWidth="1"/>
    <col min="5" max="5" width="18.85546875" style="299" customWidth="1"/>
    <col min="6" max="6" width="19" style="299" bestFit="1" customWidth="1"/>
    <col min="7" max="7" width="20.140625" style="300" bestFit="1" customWidth="1"/>
    <col min="8" max="8" width="20.85546875" style="299" customWidth="1"/>
    <col min="9" max="9" width="4.140625" style="217"/>
    <col min="10" max="12" width="4.140625" style="264"/>
    <col min="13" max="13" width="5.140625" style="264" customWidth="1"/>
    <col min="14" max="14" width="4.140625" style="264"/>
    <col min="15" max="15" width="19" style="264" bestFit="1" customWidth="1"/>
    <col min="16" max="16" width="10.28515625" style="264" customWidth="1"/>
    <col min="17" max="16384" width="4.140625" style="264"/>
  </cols>
  <sheetData>
    <row r="1" spans="1:9" s="26" customFormat="1" ht="11.25" customHeight="1" x14ac:dyDescent="0.2">
      <c r="A1" s="268"/>
      <c r="B1" s="299"/>
      <c r="C1" s="299"/>
      <c r="D1" s="299"/>
      <c r="E1" s="299"/>
      <c r="F1" s="299"/>
      <c r="G1" s="300"/>
      <c r="H1" s="299"/>
      <c r="I1" s="112"/>
    </row>
    <row r="2" spans="1:9" s="26" customFormat="1" ht="11.25" customHeight="1" x14ac:dyDescent="0.2">
      <c r="A2" s="268"/>
      <c r="B2" s="299"/>
      <c r="C2" s="299"/>
      <c r="D2" s="299"/>
      <c r="E2" s="299"/>
      <c r="F2" s="299"/>
      <c r="G2" s="300"/>
      <c r="H2" s="299"/>
      <c r="I2" s="112"/>
    </row>
    <row r="3" spans="1:9" s="45" customFormat="1" ht="11.25" customHeight="1" x14ac:dyDescent="0.2">
      <c r="A3" s="713" t="s">
        <v>637</v>
      </c>
      <c r="B3" s="713"/>
      <c r="C3" s="713"/>
      <c r="D3" s="713"/>
      <c r="E3" s="713"/>
      <c r="F3" s="713"/>
      <c r="G3" s="713"/>
      <c r="H3" s="713"/>
      <c r="I3" s="56"/>
    </row>
    <row r="4" spans="1:9" s="45" customFormat="1" ht="11.25" customHeight="1" x14ac:dyDescent="0.2">
      <c r="A4" s="713" t="s">
        <v>104</v>
      </c>
      <c r="B4" s="713"/>
      <c r="C4" s="713"/>
      <c r="D4" s="713"/>
      <c r="E4" s="713"/>
      <c r="F4" s="713"/>
      <c r="G4" s="713"/>
      <c r="H4" s="713"/>
      <c r="I4" s="56"/>
    </row>
    <row r="5" spans="1:9" s="45" customFormat="1" ht="11.25" customHeight="1" x14ac:dyDescent="0.2">
      <c r="A5" s="713" t="s">
        <v>170</v>
      </c>
      <c r="B5" s="713"/>
      <c r="C5" s="713"/>
      <c r="D5" s="713"/>
      <c r="E5" s="713"/>
      <c r="F5" s="713"/>
      <c r="G5" s="713"/>
      <c r="H5" s="713"/>
      <c r="I5" s="56"/>
    </row>
    <row r="6" spans="1:9" s="45" customFormat="1" ht="11.25" customHeight="1" x14ac:dyDescent="0.2">
      <c r="A6" s="713" t="s">
        <v>106</v>
      </c>
      <c r="B6" s="713"/>
      <c r="C6" s="713"/>
      <c r="D6" s="713"/>
      <c r="E6" s="713"/>
      <c r="F6" s="713"/>
      <c r="G6" s="713"/>
      <c r="H6" s="713"/>
      <c r="I6" s="56"/>
    </row>
    <row r="7" spans="1:9" s="45" customFormat="1" ht="11.25" customHeight="1" x14ac:dyDescent="0.2">
      <c r="A7" s="765" t="s">
        <v>889</v>
      </c>
      <c r="B7" s="765"/>
      <c r="C7" s="765"/>
      <c r="D7" s="765"/>
      <c r="E7" s="765"/>
      <c r="F7" s="765"/>
      <c r="G7" s="765"/>
      <c r="H7" s="765"/>
      <c r="I7" s="56"/>
    </row>
    <row r="8" spans="1:9" s="26" customFormat="1" ht="11.25" customHeight="1" x14ac:dyDescent="0.2">
      <c r="A8" s="46"/>
      <c r="B8" s="301"/>
      <c r="C8" s="301"/>
      <c r="D8" s="301"/>
      <c r="E8" s="301"/>
      <c r="F8" s="301"/>
      <c r="G8" s="301"/>
      <c r="H8" s="301"/>
      <c r="I8" s="112"/>
    </row>
    <row r="9" spans="1:9" s="26" customFormat="1" ht="11.25" customHeight="1" x14ac:dyDescent="0.2">
      <c r="A9" s="26" t="s">
        <v>363</v>
      </c>
      <c r="B9" s="299"/>
      <c r="C9" s="299"/>
      <c r="D9" s="299"/>
      <c r="E9" s="299"/>
      <c r="F9" s="299"/>
      <c r="G9" s="308"/>
      <c r="H9" s="616">
        <v>1</v>
      </c>
      <c r="I9" s="112"/>
    </row>
    <row r="10" spans="1:9" ht="11.25" customHeight="1" x14ac:dyDescent="0.2">
      <c r="A10" s="127"/>
      <c r="B10" s="779" t="s">
        <v>171</v>
      </c>
      <c r="C10" s="780"/>
      <c r="D10" s="780"/>
      <c r="E10" s="780"/>
      <c r="F10" s="780"/>
      <c r="G10" s="780"/>
      <c r="H10" s="780"/>
    </row>
    <row r="11" spans="1:9" ht="11.25" customHeight="1" x14ac:dyDescent="0.2">
      <c r="A11" s="267" t="s">
        <v>172</v>
      </c>
      <c r="B11" s="781"/>
      <c r="C11" s="782"/>
      <c r="D11" s="782"/>
      <c r="E11" s="782"/>
      <c r="F11" s="782"/>
      <c r="G11" s="782"/>
      <c r="H11" s="782"/>
    </row>
    <row r="12" spans="1:9" ht="15" customHeight="1" x14ac:dyDescent="0.2">
      <c r="A12" s="49"/>
      <c r="B12" s="677" t="s">
        <v>853</v>
      </c>
      <c r="C12" s="677" t="s">
        <v>854</v>
      </c>
      <c r="D12" s="677" t="s">
        <v>855</v>
      </c>
      <c r="E12" s="677" t="s">
        <v>856</v>
      </c>
      <c r="F12" s="677" t="s">
        <v>859</v>
      </c>
      <c r="G12" s="677" t="s">
        <v>860</v>
      </c>
      <c r="H12" s="677" t="s">
        <v>861</v>
      </c>
    </row>
    <row r="13" spans="1:9" s="66" customFormat="1" ht="10.5" x14ac:dyDescent="0.2">
      <c r="A13" s="128" t="s">
        <v>175</v>
      </c>
      <c r="B13" s="506">
        <v>994884354.13999987</v>
      </c>
      <c r="C13" s="506">
        <v>999252664.14999998</v>
      </c>
      <c r="D13" s="506">
        <v>975849866.98000002</v>
      </c>
      <c r="E13" s="506">
        <v>1017361681.8899999</v>
      </c>
      <c r="F13" s="506">
        <v>1021125786.5299999</v>
      </c>
      <c r="G13" s="506">
        <v>1121384362.0599999</v>
      </c>
      <c r="H13" s="506">
        <v>1248841918.9300001</v>
      </c>
      <c r="I13" s="155"/>
    </row>
    <row r="14" spans="1:9" ht="10.5" x14ac:dyDescent="0.2">
      <c r="A14" s="29" t="s">
        <v>176</v>
      </c>
      <c r="B14" s="422">
        <v>691351494.65999985</v>
      </c>
      <c r="C14" s="508">
        <v>694161069.98999989</v>
      </c>
      <c r="D14" s="422">
        <v>687646671.42999995</v>
      </c>
      <c r="E14" s="422">
        <v>676435703.5999999</v>
      </c>
      <c r="F14" s="422">
        <v>679435823.20999992</v>
      </c>
      <c r="G14" s="422">
        <v>746714641.68999994</v>
      </c>
      <c r="H14" s="422">
        <v>921533301.37000012</v>
      </c>
    </row>
    <row r="15" spans="1:9" ht="10.5" x14ac:dyDescent="0.2">
      <c r="A15" s="29" t="s">
        <v>415</v>
      </c>
      <c r="B15" s="508">
        <v>595703094.02999997</v>
      </c>
      <c r="C15" s="508">
        <v>604777681.92999995</v>
      </c>
      <c r="D15" s="422">
        <v>586553488.82999992</v>
      </c>
      <c r="E15" s="422">
        <v>585179815.51999998</v>
      </c>
      <c r="F15" s="422">
        <v>577355560.66999996</v>
      </c>
      <c r="G15" s="422">
        <v>563798404.13</v>
      </c>
      <c r="H15" s="422">
        <v>597156953.74000001</v>
      </c>
    </row>
    <row r="16" spans="1:9" ht="10.5" x14ac:dyDescent="0.2">
      <c r="A16" s="29" t="s">
        <v>416</v>
      </c>
      <c r="B16" s="508">
        <v>9813272.5299999993</v>
      </c>
      <c r="C16" s="508">
        <v>8594754.7400000002</v>
      </c>
      <c r="D16" s="422">
        <v>8235916.0499999998</v>
      </c>
      <c r="E16" s="422">
        <v>7473951.25</v>
      </c>
      <c r="F16" s="422">
        <v>6807575.2400000002</v>
      </c>
      <c r="G16" s="422">
        <v>27298786.489999998</v>
      </c>
      <c r="H16" s="422">
        <v>241836841.94</v>
      </c>
    </row>
    <row r="17" spans="1:9" ht="10.5" x14ac:dyDescent="0.2">
      <c r="A17" s="29" t="s">
        <v>417</v>
      </c>
      <c r="B17" s="508">
        <v>7605769.0199999996</v>
      </c>
      <c r="C17" s="508">
        <v>9732295.1799999997</v>
      </c>
      <c r="D17" s="422">
        <v>7577783.1100000003</v>
      </c>
      <c r="E17" s="422">
        <v>10418904.140000001</v>
      </c>
      <c r="F17" s="422">
        <v>9829570.1799999997</v>
      </c>
      <c r="G17" s="422">
        <v>27108414.43</v>
      </c>
      <c r="H17" s="422">
        <v>19082923.440000001</v>
      </c>
    </row>
    <row r="18" spans="1:9" ht="10.5" x14ac:dyDescent="0.2">
      <c r="A18" s="29" t="s">
        <v>414</v>
      </c>
      <c r="B18" s="508">
        <v>47188218.670000002</v>
      </c>
      <c r="C18" s="508">
        <v>45345755.350000001</v>
      </c>
      <c r="D18" s="422">
        <v>52907120.82</v>
      </c>
      <c r="E18" s="422">
        <v>40132261.509999998</v>
      </c>
      <c r="F18" s="422">
        <v>62755535.130000003</v>
      </c>
      <c r="G18" s="422">
        <v>102080414.88</v>
      </c>
      <c r="H18" s="422">
        <v>42376082.43</v>
      </c>
    </row>
    <row r="19" spans="1:9" ht="10.5" x14ac:dyDescent="0.2">
      <c r="A19" s="29" t="s">
        <v>418</v>
      </c>
      <c r="B19" s="508">
        <v>31041140.409999996</v>
      </c>
      <c r="C19" s="508">
        <v>25710582.789999999</v>
      </c>
      <c r="D19" s="422">
        <v>32372362.619999997</v>
      </c>
      <c r="E19" s="422">
        <v>33230771.18</v>
      </c>
      <c r="F19" s="422">
        <v>22687581.989999998</v>
      </c>
      <c r="G19" s="422">
        <v>26428621.760000002</v>
      </c>
      <c r="H19" s="422">
        <v>21080499.82</v>
      </c>
    </row>
    <row r="20" spans="1:9" ht="10.5" x14ac:dyDescent="0.2">
      <c r="A20" s="29" t="s">
        <v>177</v>
      </c>
      <c r="B20" s="508">
        <v>54833119.640000001</v>
      </c>
      <c r="C20" s="508">
        <v>41271724.530000001</v>
      </c>
      <c r="D20" s="422">
        <v>21177747.449999999</v>
      </c>
      <c r="E20" s="422">
        <v>24721524.100000001</v>
      </c>
      <c r="F20" s="422">
        <v>41829069.049999997</v>
      </c>
      <c r="G20" s="422">
        <v>54070208.149999999</v>
      </c>
      <c r="H20" s="422">
        <v>24000744.23</v>
      </c>
    </row>
    <row r="21" spans="1:9" ht="10.5" x14ac:dyDescent="0.2">
      <c r="A21" s="29" t="s">
        <v>178</v>
      </c>
      <c r="B21" s="508">
        <v>11681962.84</v>
      </c>
      <c r="C21" s="508">
        <v>9987528.1099999994</v>
      </c>
      <c r="D21" s="422">
        <v>14109174.65</v>
      </c>
      <c r="E21" s="422">
        <v>23712441.399999999</v>
      </c>
      <c r="F21" s="422">
        <v>22681298.59</v>
      </c>
      <c r="G21" s="422">
        <v>23635513.210000001</v>
      </c>
      <c r="H21" s="422">
        <v>21980605.399999999</v>
      </c>
    </row>
    <row r="22" spans="1:9" ht="10.5" x14ac:dyDescent="0.2">
      <c r="A22" s="29" t="s">
        <v>179</v>
      </c>
      <c r="B22" s="422">
        <v>0</v>
      </c>
      <c r="C22" s="422">
        <v>0</v>
      </c>
      <c r="D22" s="422">
        <v>0</v>
      </c>
      <c r="E22" s="422">
        <v>0</v>
      </c>
      <c r="F22" s="422">
        <v>0</v>
      </c>
      <c r="G22" s="422">
        <v>0</v>
      </c>
      <c r="H22" s="422">
        <v>0</v>
      </c>
    </row>
    <row r="23" spans="1:9" ht="10.5" x14ac:dyDescent="0.2">
      <c r="A23" s="29" t="s">
        <v>180</v>
      </c>
      <c r="B23" s="508">
        <v>0</v>
      </c>
      <c r="C23" s="422">
        <v>0</v>
      </c>
      <c r="D23" s="422">
        <v>0</v>
      </c>
      <c r="E23" s="422">
        <v>0</v>
      </c>
      <c r="F23" s="422">
        <v>0</v>
      </c>
      <c r="G23" s="422">
        <v>0</v>
      </c>
      <c r="H23" s="422">
        <v>0</v>
      </c>
    </row>
    <row r="24" spans="1:9" ht="10.5" x14ac:dyDescent="0.2">
      <c r="A24" s="29" t="s">
        <v>185</v>
      </c>
      <c r="B24" s="508">
        <v>31703231.600000001</v>
      </c>
      <c r="C24" s="508">
        <v>38781320.719999999</v>
      </c>
      <c r="D24" s="422">
        <v>53660431.979999997</v>
      </c>
      <c r="E24" s="422">
        <v>41792186.060000002</v>
      </c>
      <c r="F24" s="422">
        <v>38853775.020000003</v>
      </c>
      <c r="G24" s="422">
        <v>49028947.229999997</v>
      </c>
      <c r="H24" s="422">
        <v>34355209.799999997</v>
      </c>
    </row>
    <row r="25" spans="1:9" ht="10.5" x14ac:dyDescent="0.2">
      <c r="A25" s="29" t="s">
        <v>181</v>
      </c>
      <c r="B25" s="422">
        <v>193089249.15000001</v>
      </c>
      <c r="C25" s="422">
        <v>201461174.72999999</v>
      </c>
      <c r="D25" s="422">
        <v>186584703.68000001</v>
      </c>
      <c r="E25" s="422">
        <v>241546452.93000001</v>
      </c>
      <c r="F25" s="422">
        <v>225554294.39000002</v>
      </c>
      <c r="G25" s="422">
        <v>234808987.07999998</v>
      </c>
      <c r="H25" s="422">
        <v>237028617.94999996</v>
      </c>
    </row>
    <row r="26" spans="1:9" ht="10.5" x14ac:dyDescent="0.2">
      <c r="A26" s="29" t="s">
        <v>419</v>
      </c>
      <c r="B26" s="508">
        <v>65804266.659999996</v>
      </c>
      <c r="C26" s="508">
        <v>76962691.120000005</v>
      </c>
      <c r="D26" s="422">
        <v>64164274.240000002</v>
      </c>
      <c r="E26" s="422">
        <v>73029577.859999999</v>
      </c>
      <c r="F26" s="422">
        <v>82456126.079999998</v>
      </c>
      <c r="G26" s="422">
        <v>94815083.159999996</v>
      </c>
      <c r="H26" s="422">
        <v>90344216.370000005</v>
      </c>
    </row>
    <row r="27" spans="1:9" ht="10.5" x14ac:dyDescent="0.2">
      <c r="A27" s="29" t="s">
        <v>420</v>
      </c>
      <c r="B27" s="508">
        <v>1504729.69</v>
      </c>
      <c r="C27" s="508">
        <v>1504729.69</v>
      </c>
      <c r="D27" s="422">
        <v>1504729.69</v>
      </c>
      <c r="E27" s="422">
        <v>1504729.69</v>
      </c>
      <c r="F27" s="422">
        <v>1504729.69</v>
      </c>
      <c r="G27" s="422">
        <v>1504729.69</v>
      </c>
      <c r="H27" s="422">
        <v>1504729.69</v>
      </c>
    </row>
    <row r="28" spans="1:9" ht="10.5" x14ac:dyDescent="0.2">
      <c r="A28" s="29" t="s">
        <v>421</v>
      </c>
      <c r="B28" s="508">
        <v>10542583.23</v>
      </c>
      <c r="C28" s="508">
        <v>7251063.7300000004</v>
      </c>
      <c r="D28" s="422">
        <v>7230465.2699999996</v>
      </c>
      <c r="E28" s="422">
        <v>8386749.8300000001</v>
      </c>
      <c r="F28" s="422">
        <v>7641073.2000000002</v>
      </c>
      <c r="G28" s="422">
        <v>7545093.4199999999</v>
      </c>
      <c r="H28" s="422">
        <v>8756482.0800000001</v>
      </c>
    </row>
    <row r="29" spans="1:9" ht="10.5" x14ac:dyDescent="0.2">
      <c r="A29" s="29" t="s">
        <v>422</v>
      </c>
      <c r="B29" s="508">
        <v>65333972.869999997</v>
      </c>
      <c r="C29" s="508">
        <v>68285020.739999995</v>
      </c>
      <c r="D29" s="422">
        <v>64494737.859999999</v>
      </c>
      <c r="E29" s="422">
        <v>73627497.010000005</v>
      </c>
      <c r="F29" s="422">
        <v>72069756.829999998</v>
      </c>
      <c r="G29" s="422">
        <v>72920154.700000003</v>
      </c>
      <c r="H29" s="422">
        <v>75390973.25</v>
      </c>
    </row>
    <row r="30" spans="1:9" ht="10.5" x14ac:dyDescent="0.2">
      <c r="A30" s="29" t="s">
        <v>423</v>
      </c>
      <c r="B30" s="508">
        <v>49903696.70000001</v>
      </c>
      <c r="C30" s="508">
        <v>47457669.449999988</v>
      </c>
      <c r="D30" s="422">
        <v>49190496.620000005</v>
      </c>
      <c r="E30" s="422">
        <v>84997898.540000007</v>
      </c>
      <c r="F30" s="422">
        <v>61882608.590000004</v>
      </c>
      <c r="G30" s="422">
        <v>58023926.109999999</v>
      </c>
      <c r="H30" s="422">
        <v>61032216.559999973</v>
      </c>
    </row>
    <row r="31" spans="1:9" ht="10.5" x14ac:dyDescent="0.2">
      <c r="A31" s="29" t="s">
        <v>182</v>
      </c>
      <c r="B31" s="508">
        <v>12225296.25</v>
      </c>
      <c r="C31" s="508">
        <v>13589846.07</v>
      </c>
      <c r="D31" s="422">
        <v>12671137.789999999</v>
      </c>
      <c r="E31" s="422">
        <v>9153373.8000000007</v>
      </c>
      <c r="F31" s="422">
        <v>12771526.27</v>
      </c>
      <c r="G31" s="422">
        <v>13126064.699999999</v>
      </c>
      <c r="H31" s="422">
        <v>9943440.1799999997</v>
      </c>
    </row>
    <row r="32" spans="1:9" s="66" customFormat="1" ht="10.5" x14ac:dyDescent="0.2">
      <c r="A32" s="128" t="s">
        <v>183</v>
      </c>
      <c r="B32" s="420">
        <v>326372565.22999996</v>
      </c>
      <c r="C32" s="420">
        <v>317775144.68000001</v>
      </c>
      <c r="D32" s="420">
        <v>287324973.38</v>
      </c>
      <c r="E32" s="420">
        <v>294352118.26999998</v>
      </c>
      <c r="F32" s="420">
        <v>307179950.60000002</v>
      </c>
      <c r="G32" s="420">
        <v>301383847.33999997</v>
      </c>
      <c r="H32" s="420">
        <v>335757239.55000001</v>
      </c>
      <c r="I32" s="155"/>
    </row>
    <row r="33" spans="1:16" ht="10.5" x14ac:dyDescent="0.2">
      <c r="A33" s="29" t="s">
        <v>184</v>
      </c>
      <c r="B33" s="508">
        <v>164468808.94999999</v>
      </c>
      <c r="C33" s="508">
        <v>165483795.09999999</v>
      </c>
      <c r="D33" s="422">
        <v>160848038.90000001</v>
      </c>
      <c r="E33" s="422">
        <v>162234780.44999999</v>
      </c>
      <c r="F33" s="422">
        <v>157568838.93000001</v>
      </c>
      <c r="G33" s="422">
        <v>133428566.73999999</v>
      </c>
      <c r="H33" s="422">
        <v>172406565.69</v>
      </c>
    </row>
    <row r="34" spans="1:16" ht="10.5" x14ac:dyDescent="0.2">
      <c r="A34" s="29" t="s">
        <v>364</v>
      </c>
      <c r="B34" s="508">
        <v>54529832.380000003</v>
      </c>
      <c r="C34" s="508">
        <v>41146004.380000003</v>
      </c>
      <c r="D34" s="422">
        <v>21177747.449999999</v>
      </c>
      <c r="E34" s="422">
        <v>24721524.100000001</v>
      </c>
      <c r="F34" s="422">
        <v>41639238.020000003</v>
      </c>
      <c r="G34" s="422">
        <v>54011287.420000002</v>
      </c>
      <c r="H34" s="422">
        <v>23930991.16</v>
      </c>
    </row>
    <row r="35" spans="1:16" ht="10.5" x14ac:dyDescent="0.2">
      <c r="A35" s="29" t="s">
        <v>424</v>
      </c>
      <c r="B35" s="508">
        <v>303287.26</v>
      </c>
      <c r="C35" s="508">
        <v>125720.15</v>
      </c>
      <c r="D35" s="422">
        <v>0</v>
      </c>
      <c r="E35" s="422">
        <v>0</v>
      </c>
      <c r="F35" s="422">
        <v>189831.03</v>
      </c>
      <c r="G35" s="422">
        <v>58920.73</v>
      </c>
      <c r="H35" s="422">
        <v>69753.070000000007</v>
      </c>
    </row>
    <row r="36" spans="1:16" ht="10.5" x14ac:dyDescent="0.2">
      <c r="A36" s="29" t="s">
        <v>222</v>
      </c>
      <c r="B36" s="508">
        <v>14908.63</v>
      </c>
      <c r="C36" s="508">
        <v>-32449.88</v>
      </c>
      <c r="D36" s="422">
        <v>-7556</v>
      </c>
      <c r="E36" s="422">
        <v>0</v>
      </c>
      <c r="F36" s="422">
        <v>0</v>
      </c>
      <c r="G36" s="422">
        <v>0</v>
      </c>
      <c r="H36" s="422">
        <v>0</v>
      </c>
    </row>
    <row r="37" spans="1:16" s="66" customFormat="1" ht="10.5" x14ac:dyDescent="0.2">
      <c r="A37" s="29" t="s">
        <v>225</v>
      </c>
      <c r="B37" s="508">
        <v>107055728.01000001</v>
      </c>
      <c r="C37" s="508">
        <v>111052074.93000001</v>
      </c>
      <c r="D37" s="422">
        <v>105306743.03</v>
      </c>
      <c r="E37" s="422">
        <v>107395813.72</v>
      </c>
      <c r="F37" s="422">
        <v>107782042.62</v>
      </c>
      <c r="G37" s="422">
        <v>113885072.45</v>
      </c>
      <c r="H37" s="422">
        <v>139349929.63000003</v>
      </c>
      <c r="I37" s="155"/>
    </row>
    <row r="38" spans="1:16" s="66" customFormat="1" ht="15" customHeight="1" x14ac:dyDescent="0.2">
      <c r="A38" s="27" t="s">
        <v>233</v>
      </c>
      <c r="B38" s="434">
        <v>668511788.90999985</v>
      </c>
      <c r="C38" s="361">
        <v>681477519.47000003</v>
      </c>
      <c r="D38" s="434">
        <v>688524893.60000002</v>
      </c>
      <c r="E38" s="361">
        <v>723009563.61999989</v>
      </c>
      <c r="F38" s="434">
        <v>713945835.92999983</v>
      </c>
      <c r="G38" s="361">
        <v>820000514.72000003</v>
      </c>
      <c r="H38" s="434">
        <v>913084679.38000011</v>
      </c>
      <c r="I38" s="155"/>
    </row>
    <row r="39" spans="1:16" ht="6" customHeight="1" x14ac:dyDescent="0.2">
      <c r="A39" s="783"/>
      <c r="B39" s="783"/>
      <c r="C39" s="783"/>
      <c r="D39" s="783"/>
      <c r="E39" s="783"/>
      <c r="F39" s="783"/>
      <c r="G39" s="783"/>
      <c r="H39" s="783"/>
    </row>
    <row r="40" spans="1:16" s="26" customFormat="1" ht="6" customHeight="1" x14ac:dyDescent="0.2">
      <c r="B40" s="299"/>
      <c r="C40" s="299"/>
      <c r="D40" s="299"/>
      <c r="E40" s="299"/>
      <c r="F40" s="299"/>
      <c r="G40" s="299"/>
      <c r="H40" s="299"/>
      <c r="I40" s="112"/>
    </row>
    <row r="41" spans="1:16" ht="11.25" customHeight="1" x14ac:dyDescent="0.2">
      <c r="A41" s="127"/>
      <c r="B41" s="779" t="s">
        <v>171</v>
      </c>
      <c r="C41" s="780"/>
      <c r="D41" s="780"/>
      <c r="E41" s="780"/>
      <c r="F41" s="780"/>
      <c r="G41" s="311" t="s">
        <v>169</v>
      </c>
      <c r="H41" s="311" t="s">
        <v>107</v>
      </c>
    </row>
    <row r="42" spans="1:16" ht="11.25" customHeight="1" x14ac:dyDescent="0.2">
      <c r="A42" s="267" t="s">
        <v>172</v>
      </c>
      <c r="B42" s="781"/>
      <c r="C42" s="782"/>
      <c r="D42" s="782"/>
      <c r="E42" s="782"/>
      <c r="F42" s="782"/>
      <c r="G42" s="312" t="s">
        <v>173</v>
      </c>
      <c r="H42" s="312" t="s">
        <v>111</v>
      </c>
    </row>
    <row r="43" spans="1:16" ht="15" customHeight="1" x14ac:dyDescent="0.2">
      <c r="A43" s="49"/>
      <c r="B43" s="677" t="s">
        <v>862</v>
      </c>
      <c r="C43" s="677" t="s">
        <v>885</v>
      </c>
      <c r="D43" s="677" t="s">
        <v>886</v>
      </c>
      <c r="E43" s="451" t="s">
        <v>890</v>
      </c>
      <c r="F43" s="451" t="s">
        <v>891</v>
      </c>
      <c r="G43" s="309" t="s">
        <v>174</v>
      </c>
      <c r="H43" s="316" t="s">
        <v>863</v>
      </c>
    </row>
    <row r="44" spans="1:16" s="66" customFormat="1" ht="10.5" x14ac:dyDescent="0.2">
      <c r="A44" s="128" t="s">
        <v>175</v>
      </c>
      <c r="B44" s="506">
        <v>1072939683.77</v>
      </c>
      <c r="C44" s="506">
        <v>1065475455.62</v>
      </c>
      <c r="D44" s="506">
        <v>1163169160.28</v>
      </c>
      <c r="E44" s="506">
        <v>1129336339.8100002</v>
      </c>
      <c r="F44" s="506">
        <v>1055734975.0000001</v>
      </c>
      <c r="G44" s="506">
        <v>12865356249.159998</v>
      </c>
      <c r="H44" s="509">
        <v>13404456200</v>
      </c>
      <c r="I44" s="155"/>
      <c r="O44" s="205"/>
      <c r="P44" s="205"/>
    </row>
    <row r="45" spans="1:16" ht="10.5" x14ac:dyDescent="0.2">
      <c r="A45" s="29" t="s">
        <v>176</v>
      </c>
      <c r="B45" s="422">
        <v>723324545.7099998</v>
      </c>
      <c r="C45" s="422">
        <v>746476446.37</v>
      </c>
      <c r="D45" s="422">
        <v>771463812.99000001</v>
      </c>
      <c r="E45" s="422">
        <v>710380662.85000014</v>
      </c>
      <c r="F45" s="422">
        <v>680129271.61000001</v>
      </c>
      <c r="G45" s="422">
        <v>8729053445.4799995</v>
      </c>
      <c r="H45" s="507">
        <v>9027845600</v>
      </c>
      <c r="O45" s="204"/>
      <c r="P45" s="205"/>
    </row>
    <row r="46" spans="1:16" ht="10.5" x14ac:dyDescent="0.2">
      <c r="A46" s="29" t="s">
        <v>415</v>
      </c>
      <c r="B46" s="422">
        <v>591768563.52999997</v>
      </c>
      <c r="C46" s="422">
        <v>610693516.91999996</v>
      </c>
      <c r="D46" s="422">
        <v>646022277.40999997</v>
      </c>
      <c r="E46" s="422">
        <v>577453360.47000003</v>
      </c>
      <c r="F46" s="422">
        <v>560254770.69000006</v>
      </c>
      <c r="G46" s="422">
        <v>7096717487.8700008</v>
      </c>
      <c r="H46" s="510">
        <v>7655071400</v>
      </c>
      <c r="O46" s="204"/>
      <c r="P46" s="205"/>
    </row>
    <row r="47" spans="1:16" ht="10.5" x14ac:dyDescent="0.2">
      <c r="A47" s="29" t="s">
        <v>416</v>
      </c>
      <c r="B47" s="422">
        <v>46897280.259999998</v>
      </c>
      <c r="C47" s="422">
        <v>43443299.909999996</v>
      </c>
      <c r="D47" s="422">
        <v>38902234.469999999</v>
      </c>
      <c r="E47" s="422">
        <v>38782656.700000003</v>
      </c>
      <c r="F47" s="422">
        <v>20468874.649999999</v>
      </c>
      <c r="G47" s="422">
        <v>498555444.22999996</v>
      </c>
      <c r="H47" s="510">
        <v>317100000</v>
      </c>
      <c r="O47" s="204"/>
      <c r="P47" s="205"/>
    </row>
    <row r="48" spans="1:16" ht="10.5" x14ac:dyDescent="0.2">
      <c r="A48" s="29" t="s">
        <v>417</v>
      </c>
      <c r="B48" s="422">
        <v>21030201.420000002</v>
      </c>
      <c r="C48" s="422">
        <v>14155551.82</v>
      </c>
      <c r="D48" s="422">
        <v>9150231.5</v>
      </c>
      <c r="E48" s="422">
        <v>12819044.460000001</v>
      </c>
      <c r="F48" s="422">
        <v>11935042.039999999</v>
      </c>
      <c r="G48" s="422">
        <v>160445730.74000001</v>
      </c>
      <c r="H48" s="510">
        <v>114800000</v>
      </c>
      <c r="O48" s="204"/>
      <c r="P48" s="205"/>
    </row>
    <row r="49" spans="1:16" ht="10.5" x14ac:dyDescent="0.2">
      <c r="A49" s="29" t="s">
        <v>414</v>
      </c>
      <c r="B49" s="422">
        <v>43610514.439999998</v>
      </c>
      <c r="C49" s="422">
        <v>54752162.990000002</v>
      </c>
      <c r="D49" s="422">
        <v>55857304.479999997</v>
      </c>
      <c r="E49" s="422">
        <v>57625942.829999998</v>
      </c>
      <c r="F49" s="422">
        <v>65181612.009999998</v>
      </c>
      <c r="G49" s="422">
        <v>669812925.54000008</v>
      </c>
      <c r="H49" s="510">
        <v>588500000</v>
      </c>
      <c r="O49" s="204"/>
      <c r="P49" s="205"/>
    </row>
    <row r="50" spans="1:16" ht="10.5" x14ac:dyDescent="0.2">
      <c r="A50" s="29" t="s">
        <v>418</v>
      </c>
      <c r="B50" s="422">
        <v>20017986.059999999</v>
      </c>
      <c r="C50" s="422">
        <v>23431914.73</v>
      </c>
      <c r="D50" s="422">
        <v>21531765.129999999</v>
      </c>
      <c r="E50" s="422">
        <v>23699658.390000001</v>
      </c>
      <c r="F50" s="422">
        <v>22288972.219999999</v>
      </c>
      <c r="G50" s="422">
        <v>303521857.10000002</v>
      </c>
      <c r="H50" s="510">
        <v>352374200</v>
      </c>
      <c r="O50" s="204"/>
      <c r="P50" s="205"/>
    </row>
    <row r="51" spans="1:16" ht="10.5" x14ac:dyDescent="0.2">
      <c r="A51" s="29" t="s">
        <v>177</v>
      </c>
      <c r="B51" s="422">
        <v>28059780.27</v>
      </c>
      <c r="C51" s="422">
        <v>40720936.969999999</v>
      </c>
      <c r="D51" s="422">
        <v>34436010.299999997</v>
      </c>
      <c r="E51" s="422">
        <v>43628967.189999998</v>
      </c>
      <c r="F51" s="422">
        <v>31810566.329999998</v>
      </c>
      <c r="G51" s="422">
        <v>440560398.20999998</v>
      </c>
      <c r="H51" s="510">
        <v>411000000</v>
      </c>
      <c r="O51" s="204"/>
      <c r="P51" s="205"/>
    </row>
    <row r="52" spans="1:16" ht="10.5" x14ac:dyDescent="0.2">
      <c r="A52" s="29" t="s">
        <v>178</v>
      </c>
      <c r="B52" s="422">
        <v>19046142.210000001</v>
      </c>
      <c r="C52" s="422">
        <v>20999525.629999999</v>
      </c>
      <c r="D52" s="422">
        <v>32122187.140000001</v>
      </c>
      <c r="E52" s="422">
        <v>20479931.280000001</v>
      </c>
      <c r="F52" s="422">
        <v>19339149.5</v>
      </c>
      <c r="G52" s="422">
        <v>239775459.96000001</v>
      </c>
      <c r="H52" s="510">
        <v>128398100</v>
      </c>
      <c r="O52" s="204"/>
      <c r="P52" s="205"/>
    </row>
    <row r="53" spans="1:16" ht="10.5" x14ac:dyDescent="0.2">
      <c r="A53" s="29" t="s">
        <v>179</v>
      </c>
      <c r="B53" s="422">
        <v>0</v>
      </c>
      <c r="C53" s="422">
        <v>0</v>
      </c>
      <c r="D53" s="422">
        <v>0</v>
      </c>
      <c r="E53" s="422">
        <v>0</v>
      </c>
      <c r="F53" s="422">
        <v>0</v>
      </c>
      <c r="G53" s="422">
        <v>0</v>
      </c>
      <c r="H53" s="507">
        <v>0</v>
      </c>
      <c r="O53" s="204"/>
      <c r="P53" s="205"/>
    </row>
    <row r="54" spans="1:16" ht="10.5" x14ac:dyDescent="0.2">
      <c r="A54" s="29" t="s">
        <v>180</v>
      </c>
      <c r="B54" s="422">
        <v>0</v>
      </c>
      <c r="C54" s="422">
        <v>0</v>
      </c>
      <c r="D54" s="422">
        <v>0</v>
      </c>
      <c r="E54" s="422">
        <v>0</v>
      </c>
      <c r="F54" s="422">
        <v>0</v>
      </c>
      <c r="G54" s="422">
        <v>0</v>
      </c>
      <c r="H54" s="507">
        <v>0</v>
      </c>
      <c r="O54" s="204"/>
      <c r="P54" s="205"/>
    </row>
    <row r="55" spans="1:16" ht="10.5" x14ac:dyDescent="0.2">
      <c r="A55" s="29" t="s">
        <v>185</v>
      </c>
      <c r="B55" s="422">
        <v>31589484.949999999</v>
      </c>
      <c r="C55" s="422">
        <v>38686460.57</v>
      </c>
      <c r="D55" s="422">
        <v>40531331.159999996</v>
      </c>
      <c r="E55" s="422">
        <v>47142578.390000001</v>
      </c>
      <c r="F55" s="422">
        <v>47931367.329999998</v>
      </c>
      <c r="G55" s="422">
        <v>494056324.80999988</v>
      </c>
      <c r="H55" s="510">
        <v>530646800</v>
      </c>
      <c r="O55" s="204"/>
      <c r="P55" s="205"/>
    </row>
    <row r="56" spans="1:16" ht="10.5" x14ac:dyDescent="0.2">
      <c r="A56" s="29" t="s">
        <v>181</v>
      </c>
      <c r="B56" s="422">
        <v>263624754.19000003</v>
      </c>
      <c r="C56" s="422">
        <v>208737938.69999999</v>
      </c>
      <c r="D56" s="422">
        <v>266492629.47999996</v>
      </c>
      <c r="E56" s="422">
        <v>295418104.34000003</v>
      </c>
      <c r="F56" s="422">
        <v>263296692.75</v>
      </c>
      <c r="G56" s="422">
        <v>2817643599.3699999</v>
      </c>
      <c r="H56" s="507">
        <v>3097934400</v>
      </c>
      <c r="O56" s="204"/>
      <c r="P56" s="205"/>
    </row>
    <row r="57" spans="1:16" ht="10.5" x14ac:dyDescent="0.2">
      <c r="A57" s="29" t="s">
        <v>419</v>
      </c>
      <c r="B57" s="422">
        <v>113372572.09</v>
      </c>
      <c r="C57" s="422">
        <v>68697766.890000001</v>
      </c>
      <c r="D57" s="422">
        <v>81666891.049999997</v>
      </c>
      <c r="E57" s="422">
        <v>108614410.45999999</v>
      </c>
      <c r="F57" s="422">
        <v>89718924.060000002</v>
      </c>
      <c r="G57" s="422">
        <v>1009646800.04</v>
      </c>
      <c r="H57" s="510">
        <v>1164100000</v>
      </c>
      <c r="O57" s="204"/>
      <c r="P57" s="205"/>
    </row>
    <row r="58" spans="1:16" ht="10.5" x14ac:dyDescent="0.2">
      <c r="A58" s="29" t="s">
        <v>420</v>
      </c>
      <c r="B58" s="422">
        <v>1504729.69</v>
      </c>
      <c r="C58" s="422">
        <v>1504729.69</v>
      </c>
      <c r="D58" s="422">
        <v>1504729.69</v>
      </c>
      <c r="E58" s="422">
        <v>1504729.69</v>
      </c>
      <c r="F58" s="422">
        <v>1504729.69</v>
      </c>
      <c r="G58" s="422">
        <v>18056756.279999997</v>
      </c>
      <c r="H58" s="510">
        <v>18100000</v>
      </c>
      <c r="O58" s="204"/>
      <c r="P58" s="205"/>
    </row>
    <row r="59" spans="1:16" ht="10.5" x14ac:dyDescent="0.2">
      <c r="A59" s="29" t="s">
        <v>421</v>
      </c>
      <c r="B59" s="422">
        <v>6762659.7000000002</v>
      </c>
      <c r="C59" s="422">
        <v>6602487.1200000001</v>
      </c>
      <c r="D59" s="422">
        <v>6774709.3799999999</v>
      </c>
      <c r="E59" s="422">
        <v>7693227.8200000003</v>
      </c>
      <c r="F59" s="422">
        <v>4577819.83</v>
      </c>
      <c r="G59" s="422">
        <v>89764414.609999999</v>
      </c>
      <c r="H59" s="510">
        <v>118900000</v>
      </c>
      <c r="O59" s="204"/>
      <c r="P59" s="205"/>
    </row>
    <row r="60" spans="1:16" ht="10.5" x14ac:dyDescent="0.2">
      <c r="A60" s="29" t="s">
        <v>422</v>
      </c>
      <c r="B60" s="422">
        <v>93082638.75</v>
      </c>
      <c r="C60" s="422">
        <v>70186188.950000003</v>
      </c>
      <c r="D60" s="422">
        <v>74695615.099999994</v>
      </c>
      <c r="E60" s="422">
        <v>77882085.620000005</v>
      </c>
      <c r="F60" s="422">
        <v>68411155.030000001</v>
      </c>
      <c r="G60" s="422">
        <v>876379796.71000004</v>
      </c>
      <c r="H60" s="510">
        <v>922938000</v>
      </c>
      <c r="O60" s="204"/>
      <c r="P60" s="205"/>
    </row>
    <row r="61" spans="1:16" ht="10.5" x14ac:dyDescent="0.2">
      <c r="A61" s="29" t="s">
        <v>423</v>
      </c>
      <c r="B61" s="422">
        <v>48902153.960000001</v>
      </c>
      <c r="C61" s="422">
        <v>61746766.049999997</v>
      </c>
      <c r="D61" s="422">
        <v>101850684.26000001</v>
      </c>
      <c r="E61" s="422">
        <v>99723650.75</v>
      </c>
      <c r="F61" s="422">
        <v>99084064.140000001</v>
      </c>
      <c r="G61" s="422">
        <v>823795831.7299999</v>
      </c>
      <c r="H61" s="619">
        <v>873896400</v>
      </c>
      <c r="O61" s="204"/>
      <c r="P61" s="205"/>
    </row>
    <row r="62" spans="1:16" ht="10.5" x14ac:dyDescent="0.2">
      <c r="A62" s="29" t="s">
        <v>182</v>
      </c>
      <c r="B62" s="422">
        <v>7294976.4400000004</v>
      </c>
      <c r="C62" s="422">
        <v>9854147.3800000008</v>
      </c>
      <c r="D62" s="422">
        <v>18123189.210000001</v>
      </c>
      <c r="E62" s="422">
        <v>12286095.76</v>
      </c>
      <c r="F62" s="422">
        <v>13227927.48</v>
      </c>
      <c r="G62" s="422">
        <v>144267021.33000001</v>
      </c>
      <c r="H62" s="510">
        <v>208631300</v>
      </c>
      <c r="O62" s="204"/>
      <c r="P62" s="205"/>
    </row>
    <row r="63" spans="1:16" s="66" customFormat="1" ht="10.5" x14ac:dyDescent="0.2">
      <c r="A63" s="129" t="s">
        <v>183</v>
      </c>
      <c r="B63" s="420">
        <v>427089836.84400004</v>
      </c>
      <c r="C63" s="420">
        <v>343589317.54999995</v>
      </c>
      <c r="D63" s="420">
        <v>357949349.91999996</v>
      </c>
      <c r="E63" s="420">
        <v>351066648.92000002</v>
      </c>
      <c r="F63" s="420">
        <v>315494352.34999996</v>
      </c>
      <c r="G63" s="420">
        <v>3965335344.6339998</v>
      </c>
      <c r="H63" s="511">
        <v>4108290300</v>
      </c>
      <c r="I63" s="155"/>
      <c r="O63" s="205"/>
      <c r="P63" s="205"/>
    </row>
    <row r="64" spans="1:16" ht="10.5" x14ac:dyDescent="0.2">
      <c r="A64" s="29" t="s">
        <v>184</v>
      </c>
      <c r="B64" s="422">
        <v>275933230.48400003</v>
      </c>
      <c r="C64" s="422">
        <v>187308308.13999999</v>
      </c>
      <c r="D64" s="422">
        <v>201435022.53</v>
      </c>
      <c r="E64" s="422">
        <v>189168457.36000001</v>
      </c>
      <c r="F64" s="422">
        <v>174348343.78</v>
      </c>
      <c r="G64" s="422">
        <v>2144632757.0539997</v>
      </c>
      <c r="H64" s="510">
        <v>2199871000</v>
      </c>
      <c r="O64" s="204"/>
      <c r="P64" s="205"/>
    </row>
    <row r="65" spans="1:16" ht="10.5" x14ac:dyDescent="0.2">
      <c r="A65" s="29" t="s">
        <v>364</v>
      </c>
      <c r="B65" s="422">
        <v>27995465.239999998</v>
      </c>
      <c r="C65" s="422">
        <v>40585136.399999999</v>
      </c>
      <c r="D65" s="422">
        <v>34436010.299999997</v>
      </c>
      <c r="E65" s="422">
        <v>43488151.299999997</v>
      </c>
      <c r="F65" s="422">
        <v>31739994.289999999</v>
      </c>
      <c r="G65" s="422">
        <v>439401382.44</v>
      </c>
      <c r="H65" s="510">
        <v>383000000</v>
      </c>
      <c r="O65" s="204"/>
      <c r="P65" s="205"/>
    </row>
    <row r="66" spans="1:16" ht="10.5" x14ac:dyDescent="0.2">
      <c r="A66" s="29" t="s">
        <v>424</v>
      </c>
      <c r="B66" s="422">
        <v>64315.03</v>
      </c>
      <c r="C66" s="422">
        <v>135800.57</v>
      </c>
      <c r="D66" s="422">
        <v>0</v>
      </c>
      <c r="E66" s="422">
        <v>140815.89000000001</v>
      </c>
      <c r="F66" s="422">
        <v>70572.039999999994</v>
      </c>
      <c r="G66" s="422">
        <v>1159015.77</v>
      </c>
      <c r="H66" s="510">
        <v>28000000</v>
      </c>
      <c r="O66" s="204"/>
      <c r="P66" s="205"/>
    </row>
    <row r="67" spans="1:16" ht="10.5" x14ac:dyDescent="0.2">
      <c r="A67" s="29" t="s">
        <v>222</v>
      </c>
      <c r="B67" s="422">
        <v>0</v>
      </c>
      <c r="C67" s="422">
        <v>0</v>
      </c>
      <c r="D67" s="422">
        <v>0</v>
      </c>
      <c r="E67" s="422">
        <v>0</v>
      </c>
      <c r="F67" s="422">
        <v>0</v>
      </c>
      <c r="G67" s="422">
        <v>-25097.25</v>
      </c>
      <c r="H67" s="510">
        <v>31897000</v>
      </c>
      <c r="O67" s="204"/>
      <c r="P67" s="205"/>
    </row>
    <row r="68" spans="1:16" s="66" customFormat="1" ht="10.5" x14ac:dyDescent="0.2">
      <c r="A68" s="29" t="s">
        <v>225</v>
      </c>
      <c r="B68" s="422">
        <v>123096826.09000002</v>
      </c>
      <c r="C68" s="422">
        <v>115560072.44</v>
      </c>
      <c r="D68" s="422">
        <v>122078317.09</v>
      </c>
      <c r="E68" s="422">
        <v>118269224.37</v>
      </c>
      <c r="F68" s="422">
        <v>109335442.23999999</v>
      </c>
      <c r="G68" s="422">
        <v>1380167286.6200001</v>
      </c>
      <c r="H68" s="510">
        <v>1465522300</v>
      </c>
      <c r="I68" s="217"/>
      <c r="J68" s="264"/>
      <c r="K68" s="264"/>
      <c r="L68" s="264"/>
      <c r="O68" s="205"/>
      <c r="P68" s="205"/>
    </row>
    <row r="69" spans="1:16" s="66" customFormat="1" ht="15" customHeight="1" x14ac:dyDescent="0.2">
      <c r="A69" s="27" t="s">
        <v>233</v>
      </c>
      <c r="B69" s="361">
        <v>645849846.92599988</v>
      </c>
      <c r="C69" s="361">
        <v>721886138.07000005</v>
      </c>
      <c r="D69" s="361">
        <v>805219810.36000001</v>
      </c>
      <c r="E69" s="361">
        <v>778269690.8900001</v>
      </c>
      <c r="F69" s="361">
        <v>740240622.6500001</v>
      </c>
      <c r="G69" s="361">
        <v>8900020904.5259972</v>
      </c>
      <c r="H69" s="434">
        <v>9296165900</v>
      </c>
      <c r="I69" s="155"/>
      <c r="O69" s="205"/>
      <c r="P69" s="205"/>
    </row>
    <row r="70" spans="1:16" ht="10.5" x14ac:dyDescent="0.2">
      <c r="A70" s="74" t="s">
        <v>846</v>
      </c>
      <c r="B70" s="313"/>
      <c r="C70" s="313"/>
      <c r="D70" s="313"/>
      <c r="E70" s="313"/>
      <c r="F70" s="313"/>
      <c r="G70" s="313"/>
      <c r="H70" s="314"/>
    </row>
    <row r="79" spans="1:16" s="45" customFormat="1" ht="11.25" customHeight="1" x14ac:dyDescent="0.2"/>
    <row r="80" spans="1:16" s="45" customFormat="1" ht="11.25" customHeight="1" x14ac:dyDescent="0.2"/>
    <row r="81" spans="1:1" s="45" customFormat="1" ht="11.25" customHeight="1" x14ac:dyDescent="0.2"/>
    <row r="82" spans="1:1" s="45" customFormat="1" ht="11.25" customHeight="1" x14ac:dyDescent="0.2"/>
    <row r="83" spans="1:1" s="45" customFormat="1" ht="11.25" customHeight="1" x14ac:dyDescent="0.2"/>
    <row r="84" spans="1:1" s="45" customFormat="1" ht="11.25" customHeight="1" x14ac:dyDescent="0.2">
      <c r="A84" s="45" t="s">
        <v>123</v>
      </c>
    </row>
    <row r="85" spans="1:1"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55" orientation="portrait" r:id="rId1"/>
      <headerFooter alignWithMargins="0"/>
    </customSheetView>
    <customSheetView guid="{82EDB5A4-4824-4632-A540-7A52C92F04C7}" scale="90" showPageBreaks="1" showGridLines="0" fitToPage="1" printArea="1" topLeftCell="A22">
      <selection activeCell="F51" activeCellId="5" sqref="H20 B51 C51 D51 E51 F51"/>
      <pageMargins left="0.19685039370078741" right="0.19685039370078741" top="0.59055118110236227" bottom="0.19685039370078741" header="0" footer="0"/>
      <printOptions horizontalCentered="1"/>
      <pageSetup paperSize="9" scale="56" orientation="portrait" r:id="rId2"/>
      <headerFooter alignWithMargins="0"/>
    </customSheetView>
    <customSheetView guid="{3AAF6A5F-F9AA-430B-9AD9-1261ECDF41B5}" showPageBreaks="1" showGridLines="0" fitToPage="1" printArea="1" topLeftCell="A18">
      <selection activeCell="F34" sqref="F34"/>
      <pageMargins left="0.19685039370078741" right="0.19685039370078741" top="0.59055118110236227" bottom="0.19685039370078741" header="0" footer="0"/>
      <printOptions horizontalCentered="1"/>
      <pageSetup paperSize="9" scale="55" orientation="portrait" r:id="rId3"/>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4"/>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5"/>
      <headerFooter alignWithMargins="0"/>
    </customSheetView>
    <customSheetView guid="{B4FED47C-EE37-4843-A570-282D4F8229D4}" showGridLines="0" fitToPage="1">
      <pageMargins left="0.19685039370078741" right="0.19685039370078741" top="0.59055118110236227" bottom="0.19685039370078741" header="0" footer="0"/>
      <printOptions horizontalCentered="1"/>
      <pageSetup paperSize="9" scale="55" orientation="portrait" r:id="rId6"/>
      <headerFooter alignWithMargins="0"/>
    </customSheetView>
    <customSheetView guid="{6DBFA32C-4AA4-4E1D-9A48-697377C64CC3}" showPageBreaks="1" showGridLines="0" fitToPage="1" printArea="1" topLeftCell="A16">
      <selection activeCell="A72" sqref="A72"/>
      <pageMargins left="0.19685039370078741" right="0.19685039370078741" top="0.59055118110236227" bottom="0.19685039370078741" header="0" footer="0"/>
      <printOptions horizontalCentered="1"/>
      <pageSetup paperSize="9" scale="56" orientation="portrait" r:id="rId7"/>
      <headerFooter alignWithMargins="0"/>
    </customSheetView>
    <customSheetView guid="{25EF1E0D-169B-4051-B414-7E1196FC05E4}" showPageBreaks="1" showGridLines="0" fitToPage="1" printArea="1" topLeftCell="A33">
      <selection activeCell="F68" sqref="F68"/>
      <pageMargins left="0.19685039370078741" right="0.19685039370078741" top="0.59055118110236227" bottom="0.19685039370078741" header="0" footer="0"/>
      <printOptions horizontalCentered="1"/>
      <pageSetup paperSize="9" scale="55" orientation="portrait" r:id="rId8"/>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4" orientation="portrait" r:id="rId9"/>
  <headerFooter alignWithMargins="0"/>
  <drawing r:id="rId1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L136"/>
  <sheetViews>
    <sheetView showGridLines="0" zoomScaleNormal="100" workbookViewId="0"/>
  </sheetViews>
  <sheetFormatPr defaultColWidth="7.85546875" defaultRowHeight="11.25" customHeight="1" x14ac:dyDescent="0.2"/>
  <cols>
    <col min="1" max="1" width="70.7109375" style="179" customWidth="1"/>
    <col min="2" max="3" width="21.7109375" style="179" bestFit="1" customWidth="1"/>
    <col min="4" max="5" width="19" style="179" bestFit="1" customWidth="1"/>
    <col min="6" max="6" width="20.140625" style="178" customWidth="1"/>
    <col min="7" max="7" width="19" style="179" bestFit="1" customWidth="1"/>
    <col min="8" max="8" width="17.42578125" style="179" bestFit="1" customWidth="1"/>
    <col min="9" max="9" width="17.42578125" style="178" bestFit="1" customWidth="1"/>
    <col min="10" max="10" width="15.28515625" style="217" bestFit="1" customWidth="1"/>
    <col min="11" max="16384" width="7.85546875" style="179"/>
  </cols>
  <sheetData>
    <row r="1" spans="1:11" s="26" customFormat="1" ht="10.5" x14ac:dyDescent="0.2">
      <c r="A1" s="290"/>
      <c r="B1" s="290"/>
      <c r="C1" s="290"/>
      <c r="D1" s="290"/>
      <c r="E1" s="290"/>
      <c r="F1" s="290"/>
      <c r="G1" s="290"/>
      <c r="H1" s="290"/>
      <c r="I1" s="290"/>
      <c r="J1" s="112"/>
    </row>
    <row r="2" spans="1:11" s="26" customFormat="1" ht="11.25" customHeight="1" x14ac:dyDescent="0.2">
      <c r="A2" s="180"/>
      <c r="F2" s="112"/>
      <c r="I2" s="112"/>
      <c r="J2" s="112"/>
    </row>
    <row r="3" spans="1:11" s="45" customFormat="1" ht="11.25" customHeight="1" x14ac:dyDescent="0.2">
      <c r="A3" s="713" t="s">
        <v>637</v>
      </c>
      <c r="B3" s="713"/>
      <c r="C3" s="713"/>
      <c r="D3" s="713"/>
      <c r="E3" s="713"/>
      <c r="F3" s="713"/>
      <c r="G3" s="713"/>
      <c r="H3" s="713"/>
      <c r="I3" s="713"/>
      <c r="J3" s="62"/>
    </row>
    <row r="4" spans="1:11" s="45" customFormat="1" ht="11.25" customHeight="1" x14ac:dyDescent="0.2">
      <c r="A4" s="713" t="s">
        <v>104</v>
      </c>
      <c r="B4" s="713"/>
      <c r="C4" s="713"/>
      <c r="D4" s="713"/>
      <c r="E4" s="713"/>
      <c r="F4" s="713"/>
      <c r="G4" s="713"/>
      <c r="H4" s="713"/>
      <c r="I4" s="713"/>
      <c r="J4" s="62"/>
    </row>
    <row r="5" spans="1:11" s="45" customFormat="1" ht="11.25" customHeight="1" x14ac:dyDescent="0.2">
      <c r="A5" s="713" t="s">
        <v>126</v>
      </c>
      <c r="B5" s="713"/>
      <c r="C5" s="713"/>
      <c r="D5" s="713"/>
      <c r="E5" s="713"/>
      <c r="F5" s="713"/>
      <c r="G5" s="713"/>
      <c r="H5" s="713"/>
      <c r="I5" s="713"/>
      <c r="J5" s="56"/>
    </row>
    <row r="6" spans="1:11" s="45" customFormat="1" ht="11.25" customHeight="1" x14ac:dyDescent="0.2">
      <c r="A6" s="765" t="s">
        <v>737</v>
      </c>
      <c r="B6" s="765"/>
      <c r="C6" s="765"/>
      <c r="D6" s="765"/>
      <c r="E6" s="765"/>
      <c r="F6" s="765"/>
      <c r="G6" s="765"/>
      <c r="H6" s="765"/>
      <c r="I6" s="765"/>
      <c r="J6" s="56"/>
    </row>
    <row r="7" spans="1:11" s="45" customFormat="1" ht="11.25" customHeight="1" x14ac:dyDescent="0.2">
      <c r="A7" s="713" t="s">
        <v>888</v>
      </c>
      <c r="B7" s="713"/>
      <c r="C7" s="713"/>
      <c r="D7" s="713"/>
      <c r="E7" s="713"/>
      <c r="F7" s="713"/>
      <c r="G7" s="713"/>
      <c r="H7" s="713"/>
      <c r="I7" s="713"/>
      <c r="J7" s="56"/>
    </row>
    <row r="8" spans="1:11" s="26" customFormat="1" ht="11.25" customHeight="1" x14ac:dyDescent="0.2">
      <c r="F8" s="112"/>
      <c r="I8" s="112"/>
      <c r="J8" s="112"/>
    </row>
    <row r="9" spans="1:11" s="26" customFormat="1" ht="11.25" customHeight="1" x14ac:dyDescent="0.2">
      <c r="A9" s="26" t="s">
        <v>365</v>
      </c>
      <c r="F9" s="801"/>
      <c r="G9" s="801"/>
      <c r="I9" s="617">
        <v>1</v>
      </c>
      <c r="J9" s="112"/>
    </row>
    <row r="10" spans="1:11" s="66" customFormat="1" ht="15" customHeight="1" x14ac:dyDescent="0.15">
      <c r="A10" s="774" t="s">
        <v>109</v>
      </c>
      <c r="B10" s="791" t="s">
        <v>107</v>
      </c>
      <c r="C10" s="792"/>
      <c r="D10" s="791" t="s">
        <v>107</v>
      </c>
      <c r="E10" s="792"/>
      <c r="F10" s="786" t="s">
        <v>108</v>
      </c>
      <c r="G10" s="793"/>
      <c r="H10" s="793"/>
      <c r="I10" s="793"/>
      <c r="J10" s="155"/>
    </row>
    <row r="11" spans="1:11" s="66" customFormat="1" ht="15" customHeight="1" x14ac:dyDescent="0.2">
      <c r="A11" s="777"/>
      <c r="B11" s="794" t="s">
        <v>110</v>
      </c>
      <c r="C11" s="795"/>
      <c r="D11" s="797" t="s">
        <v>111</v>
      </c>
      <c r="E11" s="777"/>
      <c r="F11" s="772" t="s">
        <v>114</v>
      </c>
      <c r="G11" s="774"/>
      <c r="H11" s="772" t="s">
        <v>114</v>
      </c>
      <c r="I11" s="773"/>
      <c r="J11" s="155"/>
    </row>
    <row r="12" spans="1:11" s="66" customFormat="1" ht="15" customHeight="1" x14ac:dyDescent="0.2">
      <c r="A12" s="778"/>
      <c r="B12" s="787"/>
      <c r="C12" s="796"/>
      <c r="D12" s="798"/>
      <c r="E12" s="778"/>
      <c r="F12" s="794">
        <v>2016</v>
      </c>
      <c r="G12" s="795"/>
      <c r="H12" s="797">
        <v>2015</v>
      </c>
      <c r="I12" s="802"/>
      <c r="J12" s="155"/>
    </row>
    <row r="13" spans="1:11" ht="10.5" x14ac:dyDescent="0.2">
      <c r="A13" s="155" t="s">
        <v>280</v>
      </c>
      <c r="B13" s="711">
        <v>442897000</v>
      </c>
      <c r="C13" s="712"/>
      <c r="D13" s="711">
        <v>575452469.58000004</v>
      </c>
      <c r="E13" s="712"/>
      <c r="F13" s="711">
        <v>199947089.80000001</v>
      </c>
      <c r="G13" s="712"/>
      <c r="H13" s="711">
        <v>117756676.39</v>
      </c>
      <c r="I13" s="744"/>
      <c r="J13" s="404"/>
      <c r="K13" s="204"/>
    </row>
    <row r="14" spans="1:11" ht="10.5" x14ac:dyDescent="0.2">
      <c r="A14" s="155" t="s">
        <v>8</v>
      </c>
      <c r="B14" s="709">
        <v>442897000</v>
      </c>
      <c r="C14" s="710"/>
      <c r="D14" s="709">
        <v>575452469.58000004</v>
      </c>
      <c r="E14" s="710"/>
      <c r="F14" s="709">
        <v>199947089.80000001</v>
      </c>
      <c r="G14" s="710"/>
      <c r="H14" s="709">
        <v>117756676.39</v>
      </c>
      <c r="I14" s="734"/>
      <c r="J14" s="404"/>
      <c r="K14" s="204"/>
    </row>
    <row r="15" spans="1:11" ht="10.5" x14ac:dyDescent="0.2">
      <c r="A15" s="179" t="s">
        <v>127</v>
      </c>
      <c r="B15" s="697">
        <v>411000000</v>
      </c>
      <c r="C15" s="698"/>
      <c r="D15" s="697">
        <v>529687051.55000001</v>
      </c>
      <c r="E15" s="698"/>
      <c r="F15" s="697">
        <v>186078671.77000001</v>
      </c>
      <c r="G15" s="698"/>
      <c r="H15" s="697">
        <v>114160158.73</v>
      </c>
      <c r="I15" s="745"/>
      <c r="J15" s="404"/>
      <c r="K15" s="204"/>
    </row>
    <row r="16" spans="1:11" ht="10.5" x14ac:dyDescent="0.2">
      <c r="A16" s="179" t="s">
        <v>281</v>
      </c>
      <c r="B16" s="697">
        <v>143000000</v>
      </c>
      <c r="C16" s="698"/>
      <c r="D16" s="697">
        <v>261687051.55000001</v>
      </c>
      <c r="E16" s="698"/>
      <c r="F16" s="697">
        <v>159973482.33000001</v>
      </c>
      <c r="G16" s="698"/>
      <c r="H16" s="697">
        <v>98539213.609999999</v>
      </c>
      <c r="I16" s="745"/>
      <c r="J16" s="404"/>
      <c r="K16" s="204"/>
    </row>
    <row r="17" spans="1:11" ht="10.5" x14ac:dyDescent="0.2">
      <c r="A17" s="264" t="s">
        <v>128</v>
      </c>
      <c r="B17" s="697">
        <v>0</v>
      </c>
      <c r="C17" s="698"/>
      <c r="D17" s="697">
        <v>118687051.55</v>
      </c>
      <c r="E17" s="698"/>
      <c r="F17" s="697">
        <v>118687051.55</v>
      </c>
      <c r="G17" s="698"/>
      <c r="H17" s="697">
        <v>97829868.060000002</v>
      </c>
      <c r="I17" s="745"/>
      <c r="J17" s="404"/>
      <c r="K17" s="204"/>
    </row>
    <row r="18" spans="1:11" ht="10.5" x14ac:dyDescent="0.2">
      <c r="A18" s="179" t="s">
        <v>129</v>
      </c>
      <c r="B18" s="697">
        <v>98000000</v>
      </c>
      <c r="C18" s="698"/>
      <c r="D18" s="697">
        <v>98000000</v>
      </c>
      <c r="E18" s="698"/>
      <c r="F18" s="697">
        <v>34076688.979999997</v>
      </c>
      <c r="G18" s="698"/>
      <c r="H18" s="697">
        <v>610923.34</v>
      </c>
      <c r="I18" s="745"/>
      <c r="J18" s="404"/>
      <c r="K18" s="204"/>
    </row>
    <row r="19" spans="1:11" ht="10.5" x14ac:dyDescent="0.2">
      <c r="A19" s="179" t="s">
        <v>130</v>
      </c>
      <c r="B19" s="697">
        <v>45000000</v>
      </c>
      <c r="C19" s="698"/>
      <c r="D19" s="697">
        <v>45000000</v>
      </c>
      <c r="E19" s="698"/>
      <c r="F19" s="697">
        <v>7209741.7999999998</v>
      </c>
      <c r="G19" s="698"/>
      <c r="H19" s="697">
        <v>98422.21</v>
      </c>
      <c r="I19" s="745"/>
      <c r="J19" s="404"/>
      <c r="K19" s="204"/>
    </row>
    <row r="20" spans="1:11" ht="10.5" x14ac:dyDescent="0.2">
      <c r="A20" s="179" t="s">
        <v>282</v>
      </c>
      <c r="B20" s="697">
        <v>268000000</v>
      </c>
      <c r="C20" s="698"/>
      <c r="D20" s="697">
        <v>268000000</v>
      </c>
      <c r="E20" s="698"/>
      <c r="F20" s="697">
        <v>26105189.440000001</v>
      </c>
      <c r="G20" s="698"/>
      <c r="H20" s="697">
        <v>15620945.119999999</v>
      </c>
      <c r="I20" s="745"/>
      <c r="J20" s="404"/>
      <c r="K20" s="204"/>
    </row>
    <row r="21" spans="1:11" ht="10.5" x14ac:dyDescent="0.2">
      <c r="A21" s="179" t="s">
        <v>131</v>
      </c>
      <c r="B21" s="697">
        <v>185000000</v>
      </c>
      <c r="C21" s="698"/>
      <c r="D21" s="697">
        <v>185000000</v>
      </c>
      <c r="E21" s="698"/>
      <c r="F21" s="697">
        <v>19122769.620000001</v>
      </c>
      <c r="G21" s="698"/>
      <c r="H21" s="697">
        <v>15620945.119999999</v>
      </c>
      <c r="I21" s="745"/>
      <c r="J21" s="404"/>
      <c r="K21" s="204"/>
    </row>
    <row r="22" spans="1:11" ht="10.5" x14ac:dyDescent="0.2">
      <c r="A22" s="179" t="s">
        <v>132</v>
      </c>
      <c r="B22" s="697">
        <v>55000000</v>
      </c>
      <c r="C22" s="698"/>
      <c r="D22" s="697">
        <v>55000000</v>
      </c>
      <c r="E22" s="698"/>
      <c r="F22" s="697">
        <v>6501163.2199999997</v>
      </c>
      <c r="G22" s="698"/>
      <c r="H22" s="697">
        <v>0</v>
      </c>
      <c r="I22" s="745"/>
      <c r="J22" s="404"/>
      <c r="K22" s="204"/>
    </row>
    <row r="23" spans="1:11" ht="10.5" x14ac:dyDescent="0.2">
      <c r="A23" s="179" t="s">
        <v>738</v>
      </c>
      <c r="B23" s="697">
        <v>28000000</v>
      </c>
      <c r="C23" s="698"/>
      <c r="D23" s="697">
        <v>28000000</v>
      </c>
      <c r="E23" s="698"/>
      <c r="F23" s="697">
        <v>481256.6</v>
      </c>
      <c r="G23" s="698"/>
      <c r="H23" s="697">
        <v>0</v>
      </c>
      <c r="I23" s="745"/>
      <c r="J23" s="404"/>
      <c r="K23" s="204"/>
    </row>
    <row r="24" spans="1:11" ht="10.5" x14ac:dyDescent="0.2">
      <c r="A24" s="179" t="s">
        <v>154</v>
      </c>
      <c r="B24" s="697">
        <v>0</v>
      </c>
      <c r="C24" s="698"/>
      <c r="D24" s="697">
        <v>0</v>
      </c>
      <c r="E24" s="698"/>
      <c r="F24" s="697">
        <v>0</v>
      </c>
      <c r="G24" s="698"/>
      <c r="H24" s="697">
        <v>1687469.58</v>
      </c>
      <c r="I24" s="745"/>
      <c r="J24" s="404"/>
      <c r="K24" s="204"/>
    </row>
    <row r="25" spans="1:11" ht="10.5" x14ac:dyDescent="0.2">
      <c r="A25" s="179" t="s">
        <v>310</v>
      </c>
      <c r="B25" s="697">
        <v>0</v>
      </c>
      <c r="C25" s="698"/>
      <c r="D25" s="697">
        <v>13129743.51</v>
      </c>
      <c r="E25" s="698"/>
      <c r="F25" s="697">
        <v>13129743.51</v>
      </c>
      <c r="G25" s="698"/>
      <c r="H25" s="697">
        <v>138767.81</v>
      </c>
      <c r="I25" s="745"/>
      <c r="J25" s="404"/>
      <c r="K25" s="204"/>
    </row>
    <row r="26" spans="1:11" ht="10.5" x14ac:dyDescent="0.2">
      <c r="A26" s="179" t="s">
        <v>16</v>
      </c>
      <c r="B26" s="697">
        <v>0</v>
      </c>
      <c r="C26" s="698"/>
      <c r="D26" s="697">
        <v>5862</v>
      </c>
      <c r="E26" s="698"/>
      <c r="F26" s="697">
        <v>5862</v>
      </c>
      <c r="G26" s="698"/>
      <c r="H26" s="697">
        <v>5969.47</v>
      </c>
      <c r="I26" s="745"/>
      <c r="J26" s="404"/>
      <c r="K26" s="204"/>
    </row>
    <row r="27" spans="1:11" ht="10.5" x14ac:dyDescent="0.2">
      <c r="A27" s="179" t="s">
        <v>17</v>
      </c>
      <c r="B27" s="697">
        <v>0</v>
      </c>
      <c r="C27" s="698"/>
      <c r="D27" s="697">
        <v>13123881.51</v>
      </c>
      <c r="E27" s="698"/>
      <c r="F27" s="697">
        <v>13123881.51</v>
      </c>
      <c r="G27" s="698"/>
      <c r="H27" s="697">
        <v>132798.34</v>
      </c>
      <c r="I27" s="745"/>
      <c r="J27" s="404"/>
      <c r="K27" s="204"/>
    </row>
    <row r="28" spans="1:11" ht="10.5" x14ac:dyDescent="0.2">
      <c r="A28" s="179" t="s">
        <v>19</v>
      </c>
      <c r="B28" s="697">
        <v>0</v>
      </c>
      <c r="C28" s="698"/>
      <c r="D28" s="697">
        <v>0</v>
      </c>
      <c r="E28" s="698"/>
      <c r="F28" s="709">
        <v>0</v>
      </c>
      <c r="G28" s="710"/>
      <c r="H28" s="697">
        <v>0</v>
      </c>
      <c r="I28" s="745"/>
      <c r="J28" s="404"/>
      <c r="K28" s="204"/>
    </row>
    <row r="29" spans="1:11" ht="10.5" x14ac:dyDescent="0.2">
      <c r="A29" s="179" t="s">
        <v>226</v>
      </c>
      <c r="B29" s="697">
        <v>0</v>
      </c>
      <c r="C29" s="698"/>
      <c r="D29" s="697">
        <v>0</v>
      </c>
      <c r="E29" s="698"/>
      <c r="F29" s="709">
        <v>0</v>
      </c>
      <c r="G29" s="710"/>
      <c r="H29" s="697">
        <v>0</v>
      </c>
      <c r="I29" s="745"/>
      <c r="J29" s="404"/>
      <c r="K29" s="204"/>
    </row>
    <row r="30" spans="1:11" ht="10.5" x14ac:dyDescent="0.2">
      <c r="A30" s="54" t="s">
        <v>283</v>
      </c>
      <c r="B30" s="697">
        <v>31897000</v>
      </c>
      <c r="C30" s="698"/>
      <c r="D30" s="697">
        <v>32635674.52</v>
      </c>
      <c r="E30" s="698"/>
      <c r="F30" s="697">
        <v>738674.52</v>
      </c>
      <c r="G30" s="698"/>
      <c r="H30" s="697">
        <v>1770280.27</v>
      </c>
      <c r="I30" s="745"/>
      <c r="J30" s="404"/>
      <c r="K30" s="204"/>
    </row>
    <row r="31" spans="1:11" ht="10.5" x14ac:dyDescent="0.2">
      <c r="A31" s="122" t="s">
        <v>542</v>
      </c>
      <c r="B31" s="697">
        <v>31897000</v>
      </c>
      <c r="C31" s="698"/>
      <c r="D31" s="697">
        <v>31897000</v>
      </c>
      <c r="E31" s="698"/>
      <c r="F31" s="697">
        <v>0</v>
      </c>
      <c r="G31" s="698"/>
      <c r="H31" s="697">
        <v>887897.9</v>
      </c>
      <c r="I31" s="745"/>
      <c r="J31" s="404"/>
      <c r="K31" s="204"/>
    </row>
    <row r="32" spans="1:11" ht="10.5" x14ac:dyDescent="0.2">
      <c r="A32" s="122" t="s">
        <v>543</v>
      </c>
      <c r="B32" s="697">
        <v>0</v>
      </c>
      <c r="C32" s="698"/>
      <c r="D32" s="697">
        <v>738674.52</v>
      </c>
      <c r="E32" s="698"/>
      <c r="F32" s="697">
        <v>738674.52</v>
      </c>
      <c r="G32" s="698"/>
      <c r="H32" s="697">
        <v>882382.37</v>
      </c>
      <c r="I32" s="745"/>
      <c r="J32" s="404"/>
      <c r="K32" s="45"/>
    </row>
    <row r="33" spans="1:12" ht="10.5" x14ac:dyDescent="0.2">
      <c r="A33" s="156" t="s">
        <v>40</v>
      </c>
      <c r="B33" s="697">
        <v>0</v>
      </c>
      <c r="C33" s="698"/>
      <c r="D33" s="697">
        <v>0</v>
      </c>
      <c r="E33" s="698"/>
      <c r="F33" s="709">
        <v>0</v>
      </c>
      <c r="G33" s="710"/>
      <c r="H33" s="709">
        <v>0</v>
      </c>
      <c r="I33" s="734"/>
      <c r="J33" s="404"/>
      <c r="K33" s="45"/>
    </row>
    <row r="34" spans="1:12" ht="10.5" x14ac:dyDescent="0.2">
      <c r="A34" s="122" t="s">
        <v>119</v>
      </c>
      <c r="B34" s="697">
        <v>0</v>
      </c>
      <c r="C34" s="698"/>
      <c r="D34" s="697">
        <v>0</v>
      </c>
      <c r="E34" s="698"/>
      <c r="F34" s="709">
        <v>0</v>
      </c>
      <c r="G34" s="710"/>
      <c r="H34" s="697"/>
      <c r="I34" s="745"/>
      <c r="J34" s="404"/>
      <c r="K34" s="45"/>
    </row>
    <row r="35" spans="1:12" ht="10.5" x14ac:dyDescent="0.2">
      <c r="A35" s="179" t="s">
        <v>227</v>
      </c>
      <c r="B35" s="697">
        <v>0</v>
      </c>
      <c r="C35" s="698"/>
      <c r="D35" s="697">
        <v>0</v>
      </c>
      <c r="E35" s="698"/>
      <c r="F35" s="709">
        <v>0</v>
      </c>
      <c r="G35" s="710"/>
      <c r="H35" s="697"/>
      <c r="I35" s="745"/>
      <c r="J35" s="404"/>
      <c r="K35" s="45"/>
    </row>
    <row r="36" spans="1:12" ht="10.5" x14ac:dyDescent="0.2">
      <c r="A36" s="122" t="s">
        <v>284</v>
      </c>
      <c r="B36" s="697">
        <v>0</v>
      </c>
      <c r="C36" s="698"/>
      <c r="D36" s="697">
        <v>0</v>
      </c>
      <c r="E36" s="698"/>
      <c r="F36" s="709">
        <v>0</v>
      </c>
      <c r="G36" s="710"/>
      <c r="H36" s="697"/>
      <c r="I36" s="745"/>
      <c r="J36" s="404"/>
      <c r="K36" s="45"/>
    </row>
    <row r="37" spans="1:12" s="66" customFormat="1" ht="10.5" x14ac:dyDescent="0.15">
      <c r="B37" s="697"/>
      <c r="C37" s="698"/>
      <c r="D37" s="697"/>
      <c r="E37" s="698"/>
      <c r="F37" s="709"/>
      <c r="G37" s="710"/>
      <c r="H37" s="697"/>
      <c r="I37" s="745"/>
      <c r="J37" s="203"/>
      <c r="K37" s="671"/>
    </row>
    <row r="38" spans="1:12" ht="15" customHeight="1" x14ac:dyDescent="0.15">
      <c r="A38" s="157" t="s">
        <v>544</v>
      </c>
      <c r="B38" s="701">
        <v>1036054000</v>
      </c>
      <c r="C38" s="702"/>
      <c r="D38" s="701">
        <v>1036054000</v>
      </c>
      <c r="E38" s="702"/>
      <c r="F38" s="701">
        <v>260483221.18000001</v>
      </c>
      <c r="G38" s="702"/>
      <c r="H38" s="701">
        <v>204847475.38000003</v>
      </c>
      <c r="I38" s="747"/>
      <c r="J38" s="404"/>
      <c r="K38" s="671"/>
      <c r="L38" s="669"/>
    </row>
    <row r="39" spans="1:12" ht="15" customHeight="1" x14ac:dyDescent="0.2">
      <c r="A39" s="123" t="s">
        <v>756</v>
      </c>
      <c r="B39" s="742">
        <v>1478951000</v>
      </c>
      <c r="C39" s="750"/>
      <c r="D39" s="742">
        <v>1611506469.5799999</v>
      </c>
      <c r="E39" s="750"/>
      <c r="F39" s="742">
        <v>460430310.98000002</v>
      </c>
      <c r="G39" s="750"/>
      <c r="H39" s="742">
        <v>322604151.77000004</v>
      </c>
      <c r="I39" s="743"/>
      <c r="J39" s="404"/>
      <c r="K39" s="671"/>
      <c r="L39" s="670"/>
    </row>
    <row r="40" spans="1:12" ht="5.0999999999999996" customHeight="1" x14ac:dyDescent="0.2">
      <c r="A40" s="124"/>
      <c r="B40" s="121"/>
      <c r="C40" s="121">
        <v>466990000</v>
      </c>
      <c r="D40" s="15"/>
      <c r="E40" s="121"/>
      <c r="F40" s="74"/>
      <c r="G40" s="74"/>
      <c r="H40" s="25"/>
      <c r="I40" s="25"/>
      <c r="L40" s="669"/>
    </row>
    <row r="41" spans="1:12" s="66" customFormat="1" ht="25.5" customHeight="1" x14ac:dyDescent="0.15">
      <c r="A41" s="774" t="s">
        <v>159</v>
      </c>
      <c r="B41" s="200" t="s">
        <v>156</v>
      </c>
      <c r="C41" s="200" t="s">
        <v>156</v>
      </c>
      <c r="D41" s="722" t="s">
        <v>157</v>
      </c>
      <c r="E41" s="724"/>
      <c r="F41" s="788" t="s">
        <v>158</v>
      </c>
      <c r="G41" s="789"/>
      <c r="H41" s="788" t="s">
        <v>346</v>
      </c>
      <c r="I41" s="790"/>
      <c r="J41" s="155"/>
      <c r="K41" s="672"/>
    </row>
    <row r="42" spans="1:12" s="66" customFormat="1" ht="15" customHeight="1" x14ac:dyDescent="0.2">
      <c r="A42" s="777"/>
      <c r="B42" s="800" t="s">
        <v>110</v>
      </c>
      <c r="C42" s="800" t="s">
        <v>111</v>
      </c>
      <c r="D42" s="172" t="s">
        <v>114</v>
      </c>
      <c r="E42" s="172" t="s">
        <v>114</v>
      </c>
      <c r="F42" s="172" t="s">
        <v>114</v>
      </c>
      <c r="G42" s="172" t="s">
        <v>114</v>
      </c>
      <c r="H42" s="784" t="s">
        <v>873</v>
      </c>
      <c r="I42" s="786" t="s">
        <v>874</v>
      </c>
      <c r="J42" s="155"/>
    </row>
    <row r="43" spans="1:12" s="66" customFormat="1" ht="15" customHeight="1" x14ac:dyDescent="0.2">
      <c r="A43" s="778"/>
      <c r="B43" s="776"/>
      <c r="C43" s="776"/>
      <c r="D43" s="173">
        <v>2016</v>
      </c>
      <c r="E43" s="174">
        <v>2015</v>
      </c>
      <c r="F43" s="173">
        <v>2016</v>
      </c>
      <c r="G43" s="174">
        <v>2015</v>
      </c>
      <c r="H43" s="785"/>
      <c r="I43" s="787"/>
      <c r="J43" s="155"/>
    </row>
    <row r="44" spans="1:12" ht="10.5" x14ac:dyDescent="0.2">
      <c r="A44" s="158" t="s">
        <v>133</v>
      </c>
      <c r="B44" s="426">
        <v>1480951000</v>
      </c>
      <c r="C44" s="512">
        <v>2172941000</v>
      </c>
      <c r="D44" s="512">
        <v>2105495397.8800001</v>
      </c>
      <c r="E44" s="512">
        <v>1253104550.4099998</v>
      </c>
      <c r="F44" s="512">
        <v>1229380866.1399999</v>
      </c>
      <c r="G44" s="512">
        <v>1032357863.49</v>
      </c>
      <c r="H44" s="512">
        <v>0</v>
      </c>
      <c r="I44" s="512">
        <v>0</v>
      </c>
    </row>
    <row r="45" spans="1:12" ht="10.5" x14ac:dyDescent="0.2">
      <c r="A45" s="66" t="s">
        <v>279</v>
      </c>
      <c r="B45" s="419">
        <v>15250000</v>
      </c>
      <c r="C45" s="513">
        <v>15201257.25</v>
      </c>
      <c r="D45" s="513">
        <v>2306831.71</v>
      </c>
      <c r="E45" s="513">
        <v>766593.85</v>
      </c>
      <c r="F45" s="513">
        <v>817366.7699999999</v>
      </c>
      <c r="G45" s="513">
        <v>665408.62</v>
      </c>
      <c r="H45" s="513">
        <v>0</v>
      </c>
      <c r="I45" s="512">
        <v>0</v>
      </c>
    </row>
    <row r="46" spans="1:12" ht="10.5" x14ac:dyDescent="0.2">
      <c r="A46" s="26" t="s">
        <v>285</v>
      </c>
      <c r="B46" s="421">
        <v>7800000</v>
      </c>
      <c r="C46" s="514">
        <v>7751257.25</v>
      </c>
      <c r="D46" s="514">
        <v>2306831.71</v>
      </c>
      <c r="E46" s="514">
        <v>766593.85</v>
      </c>
      <c r="F46" s="514">
        <v>817366.7699999999</v>
      </c>
      <c r="G46" s="514">
        <v>665408.62</v>
      </c>
      <c r="H46" s="514">
        <v>0</v>
      </c>
      <c r="I46" s="515">
        <v>0</v>
      </c>
    </row>
    <row r="47" spans="1:12" ht="10.5" x14ac:dyDescent="0.2">
      <c r="A47" s="26" t="s">
        <v>286</v>
      </c>
      <c r="B47" s="421">
        <v>7450000</v>
      </c>
      <c r="C47" s="514">
        <v>7450000</v>
      </c>
      <c r="D47" s="514">
        <v>0</v>
      </c>
      <c r="E47" s="514">
        <v>0</v>
      </c>
      <c r="F47" s="514">
        <v>0</v>
      </c>
      <c r="G47" s="514">
        <v>0</v>
      </c>
      <c r="H47" s="514">
        <v>0</v>
      </c>
      <c r="I47" s="515">
        <v>0</v>
      </c>
    </row>
    <row r="48" spans="1:12" ht="10.5" x14ac:dyDescent="0.2">
      <c r="A48" s="290" t="s">
        <v>134</v>
      </c>
      <c r="B48" s="419">
        <v>1465701000</v>
      </c>
      <c r="C48" s="513">
        <v>2157739742.75</v>
      </c>
      <c r="D48" s="513">
        <v>2103188566.1700001</v>
      </c>
      <c r="E48" s="513">
        <v>1252337956.5599999</v>
      </c>
      <c r="F48" s="513">
        <v>1228563499.3699999</v>
      </c>
      <c r="G48" s="513">
        <v>1031692454.87</v>
      </c>
      <c r="H48" s="513">
        <v>0</v>
      </c>
      <c r="I48" s="515">
        <v>0</v>
      </c>
    </row>
    <row r="49" spans="1:11" ht="10.5" x14ac:dyDescent="0.2">
      <c r="A49" s="26" t="s">
        <v>200</v>
      </c>
      <c r="B49" s="421">
        <v>1143281000</v>
      </c>
      <c r="C49" s="514">
        <v>1786702592.27</v>
      </c>
      <c r="D49" s="514">
        <v>1734060515.51</v>
      </c>
      <c r="E49" s="514">
        <v>1080325618.5899999</v>
      </c>
      <c r="F49" s="514">
        <v>1032833267.87</v>
      </c>
      <c r="G49" s="514">
        <v>891655345.80999994</v>
      </c>
      <c r="H49" s="514">
        <v>0</v>
      </c>
      <c r="I49" s="515">
        <v>0</v>
      </c>
    </row>
    <row r="50" spans="1:11" ht="10.5" x14ac:dyDescent="0.2">
      <c r="A50" s="26" t="s">
        <v>287</v>
      </c>
      <c r="B50" s="421">
        <v>929496400</v>
      </c>
      <c r="C50" s="514">
        <v>1505044516.5599999</v>
      </c>
      <c r="D50" s="514">
        <v>1505044516.5599999</v>
      </c>
      <c r="E50" s="514">
        <v>954433779.82000005</v>
      </c>
      <c r="F50" s="514">
        <v>871277953.87</v>
      </c>
      <c r="G50" s="514">
        <v>795517241.76999998</v>
      </c>
      <c r="H50" s="514">
        <v>0</v>
      </c>
      <c r="I50" s="515">
        <v>0</v>
      </c>
    </row>
    <row r="51" spans="1:11" ht="10.5" x14ac:dyDescent="0.2">
      <c r="A51" s="26" t="s">
        <v>288</v>
      </c>
      <c r="B51" s="421">
        <v>196597000</v>
      </c>
      <c r="C51" s="514">
        <v>255644113.31</v>
      </c>
      <c r="D51" s="514">
        <v>203702036.55000001</v>
      </c>
      <c r="E51" s="514">
        <v>120059826.48999999</v>
      </c>
      <c r="F51" s="514">
        <v>152619659.57999998</v>
      </c>
      <c r="G51" s="514">
        <v>92062911.379999995</v>
      </c>
      <c r="H51" s="514">
        <v>0</v>
      </c>
      <c r="I51" s="515">
        <v>0</v>
      </c>
    </row>
    <row r="52" spans="1:11" s="195" customFormat="1" ht="10.5" x14ac:dyDescent="0.15">
      <c r="A52" s="26" t="s">
        <v>289</v>
      </c>
      <c r="B52" s="516">
        <v>17187600</v>
      </c>
      <c r="C52" s="514">
        <v>26013962.399999999</v>
      </c>
      <c r="D52" s="514">
        <v>25313962.399999999</v>
      </c>
      <c r="E52" s="514">
        <v>5832012.2800000003</v>
      </c>
      <c r="F52" s="514">
        <v>8935654.4199999999</v>
      </c>
      <c r="G52" s="514">
        <v>4075192.66</v>
      </c>
      <c r="H52" s="514">
        <v>0</v>
      </c>
      <c r="I52" s="515">
        <v>0</v>
      </c>
      <c r="J52" s="356"/>
    </row>
    <row r="53" spans="1:11" s="195" customFormat="1" ht="10.5" x14ac:dyDescent="0.15">
      <c r="A53" s="26" t="s">
        <v>201</v>
      </c>
      <c r="B53" s="503">
        <v>304920000</v>
      </c>
      <c r="C53" s="514">
        <v>328537150.48000002</v>
      </c>
      <c r="D53" s="514">
        <v>327587150.48000002</v>
      </c>
      <c r="E53" s="514">
        <v>170075633.08000001</v>
      </c>
      <c r="F53" s="514">
        <v>184190029.76999998</v>
      </c>
      <c r="G53" s="514">
        <v>138100446.97999999</v>
      </c>
      <c r="H53" s="514">
        <v>0</v>
      </c>
      <c r="I53" s="515">
        <v>0</v>
      </c>
      <c r="J53" s="356"/>
    </row>
    <row r="54" spans="1:11" s="195" customFormat="1" ht="10.5" x14ac:dyDescent="0.15">
      <c r="A54" s="26" t="s">
        <v>290</v>
      </c>
      <c r="B54" s="516">
        <v>264240000</v>
      </c>
      <c r="C54" s="514">
        <v>286521150.48000002</v>
      </c>
      <c r="D54" s="514">
        <v>286371150.48000002</v>
      </c>
      <c r="E54" s="514">
        <v>147072833.65000001</v>
      </c>
      <c r="F54" s="514">
        <v>161631105.47</v>
      </c>
      <c r="G54" s="514">
        <v>120009867.88</v>
      </c>
      <c r="H54" s="514">
        <v>0</v>
      </c>
      <c r="I54" s="515">
        <v>0</v>
      </c>
      <c r="J54" s="356"/>
    </row>
    <row r="55" spans="1:11" s="195" customFormat="1" ht="10.5" x14ac:dyDescent="0.15">
      <c r="A55" s="26" t="s">
        <v>288</v>
      </c>
      <c r="B55" s="516">
        <v>39600000</v>
      </c>
      <c r="C55" s="514">
        <v>40400000</v>
      </c>
      <c r="D55" s="514">
        <v>39600000</v>
      </c>
      <c r="E55" s="514">
        <v>22637672.640000001</v>
      </c>
      <c r="F55" s="514">
        <v>21944997.949999999</v>
      </c>
      <c r="G55" s="514">
        <v>17748383.66</v>
      </c>
      <c r="H55" s="514">
        <v>0</v>
      </c>
      <c r="I55" s="515">
        <v>0</v>
      </c>
      <c r="J55" s="356"/>
    </row>
    <row r="56" spans="1:11" s="195" customFormat="1" ht="10.5" x14ac:dyDescent="0.15">
      <c r="A56" s="26" t="s">
        <v>289</v>
      </c>
      <c r="B56" s="516">
        <v>1080000</v>
      </c>
      <c r="C56" s="514">
        <v>1616000</v>
      </c>
      <c r="D56" s="514">
        <v>1616000</v>
      </c>
      <c r="E56" s="514">
        <v>365126.79</v>
      </c>
      <c r="F56" s="514">
        <v>613926.35</v>
      </c>
      <c r="G56" s="514">
        <v>342195.44</v>
      </c>
      <c r="H56" s="514">
        <v>0</v>
      </c>
      <c r="I56" s="515">
        <v>0</v>
      </c>
      <c r="J56" s="356"/>
    </row>
    <row r="57" spans="1:11" s="195" customFormat="1" ht="10.5" x14ac:dyDescent="0.15">
      <c r="A57" s="26" t="s">
        <v>291</v>
      </c>
      <c r="B57" s="503">
        <v>17500000</v>
      </c>
      <c r="C57" s="514">
        <v>42500000</v>
      </c>
      <c r="D57" s="514">
        <v>41540900.18</v>
      </c>
      <c r="E57" s="514">
        <v>1936704.89</v>
      </c>
      <c r="F57" s="514">
        <v>11540201.73</v>
      </c>
      <c r="G57" s="514">
        <v>1936662.08</v>
      </c>
      <c r="H57" s="514">
        <v>0</v>
      </c>
      <c r="I57" s="515">
        <v>0</v>
      </c>
      <c r="J57" s="356"/>
    </row>
    <row r="58" spans="1:11" s="195" customFormat="1" ht="10.5" x14ac:dyDescent="0.15">
      <c r="A58" s="26" t="s">
        <v>228</v>
      </c>
      <c r="B58" s="516">
        <v>17500000</v>
      </c>
      <c r="C58" s="514">
        <v>42500000</v>
      </c>
      <c r="D58" s="514">
        <v>41540900.18</v>
      </c>
      <c r="E58" s="514">
        <v>1936704.89</v>
      </c>
      <c r="F58" s="514">
        <v>11540201.73</v>
      </c>
      <c r="G58" s="514">
        <v>1936662.08</v>
      </c>
      <c r="H58" s="514">
        <v>0</v>
      </c>
      <c r="I58" s="515">
        <v>0</v>
      </c>
      <c r="J58" s="356"/>
    </row>
    <row r="59" spans="1:11" s="195" customFormat="1" ht="10.5" x14ac:dyDescent="0.15">
      <c r="A59" s="26" t="s">
        <v>60</v>
      </c>
      <c r="B59" s="516"/>
      <c r="C59" s="514">
        <v>0</v>
      </c>
      <c r="D59" s="514"/>
      <c r="E59" s="514">
        <v>0</v>
      </c>
      <c r="F59" s="514"/>
      <c r="G59" s="514">
        <v>0</v>
      </c>
      <c r="H59" s="514">
        <v>0</v>
      </c>
      <c r="I59" s="515">
        <v>0</v>
      </c>
      <c r="J59" s="356"/>
    </row>
    <row r="60" spans="1:11" ht="15" customHeight="1" x14ac:dyDescent="0.15">
      <c r="A60" s="315" t="s">
        <v>545</v>
      </c>
      <c r="B60" s="517">
        <v>0</v>
      </c>
      <c r="C60" s="513">
        <v>10000</v>
      </c>
      <c r="D60" s="514">
        <v>10000</v>
      </c>
      <c r="E60" s="514">
        <v>0</v>
      </c>
      <c r="F60" s="514">
        <v>3475.89</v>
      </c>
      <c r="G60" s="514">
        <v>0</v>
      </c>
      <c r="H60" s="514">
        <v>0</v>
      </c>
      <c r="I60" s="515">
        <v>0</v>
      </c>
      <c r="K60" s="673"/>
    </row>
    <row r="61" spans="1:11" ht="15" customHeight="1" x14ac:dyDescent="0.15">
      <c r="A61" s="27" t="s">
        <v>739</v>
      </c>
      <c r="B61" s="361">
        <v>1480951000</v>
      </c>
      <c r="C61" s="361">
        <v>2172951000</v>
      </c>
      <c r="D61" s="361">
        <v>2105505397.8800001</v>
      </c>
      <c r="E61" s="361">
        <v>1253104550.4099998</v>
      </c>
      <c r="F61" s="361">
        <v>1229384342.03</v>
      </c>
      <c r="G61" s="361">
        <v>1032357863.49</v>
      </c>
      <c r="H61" s="518">
        <v>0</v>
      </c>
      <c r="I61" s="519">
        <v>0</v>
      </c>
      <c r="K61" s="674"/>
    </row>
    <row r="62" spans="1:11" ht="11.25" customHeight="1" x14ac:dyDescent="0.15">
      <c r="A62" s="126"/>
      <c r="B62" s="520"/>
      <c r="C62" s="520"/>
      <c r="D62" s="520"/>
      <c r="E62" s="520"/>
      <c r="F62" s="520"/>
      <c r="G62" s="520"/>
      <c r="H62" s="520"/>
      <c r="I62" s="521"/>
      <c r="K62" s="673"/>
    </row>
    <row r="63" spans="1:11" ht="15" customHeight="1" x14ac:dyDescent="0.15">
      <c r="A63" s="27" t="s">
        <v>546</v>
      </c>
      <c r="B63" s="361">
        <v>-2000000</v>
      </c>
      <c r="C63" s="361">
        <v>-561444530.42000008</v>
      </c>
      <c r="D63" s="361"/>
      <c r="E63" s="361"/>
      <c r="F63" s="361">
        <v>-768954031.04999995</v>
      </c>
      <c r="G63" s="361">
        <v>-709753711.72000003</v>
      </c>
      <c r="H63" s="361"/>
      <c r="I63" s="362"/>
      <c r="K63" s="673"/>
    </row>
    <row r="64" spans="1:11" ht="5.0999999999999996" customHeight="1" x14ac:dyDescent="0.15">
      <c r="A64" s="31"/>
      <c r="B64" s="28"/>
      <c r="C64" s="28"/>
      <c r="D64" s="28"/>
      <c r="E64" s="28"/>
      <c r="G64" s="178"/>
      <c r="H64" s="178"/>
      <c r="K64" s="673"/>
    </row>
    <row r="65" spans="1:11" s="66" customFormat="1" ht="15" customHeight="1" x14ac:dyDescent="0.15">
      <c r="A65" s="803" t="s">
        <v>547</v>
      </c>
      <c r="B65" s="791" t="s">
        <v>107</v>
      </c>
      <c r="C65" s="792"/>
      <c r="D65" s="791" t="s">
        <v>107</v>
      </c>
      <c r="E65" s="792"/>
      <c r="F65" s="786" t="s">
        <v>108</v>
      </c>
      <c r="G65" s="793"/>
      <c r="H65" s="793"/>
      <c r="I65" s="793"/>
      <c r="J65" s="155"/>
      <c r="K65" s="675"/>
    </row>
    <row r="66" spans="1:11" s="66" customFormat="1" ht="10.5" x14ac:dyDescent="0.15">
      <c r="A66" s="795"/>
      <c r="B66" s="794" t="s">
        <v>110</v>
      </c>
      <c r="C66" s="795"/>
      <c r="D66" s="797" t="s">
        <v>111</v>
      </c>
      <c r="E66" s="777"/>
      <c r="F66" s="772" t="s">
        <v>114</v>
      </c>
      <c r="G66" s="774"/>
      <c r="H66" s="772" t="s">
        <v>114</v>
      </c>
      <c r="I66" s="773"/>
      <c r="J66" s="155"/>
      <c r="K66" s="675"/>
    </row>
    <row r="67" spans="1:11" s="66" customFormat="1" ht="10.5" x14ac:dyDescent="0.15">
      <c r="A67" s="796"/>
      <c r="B67" s="787"/>
      <c r="C67" s="796"/>
      <c r="D67" s="798"/>
      <c r="E67" s="778"/>
      <c r="F67" s="794">
        <v>2016</v>
      </c>
      <c r="G67" s="795"/>
      <c r="H67" s="797">
        <v>2015</v>
      </c>
      <c r="I67" s="802"/>
      <c r="J67" s="155"/>
      <c r="K67" s="675"/>
    </row>
    <row r="68" spans="1:11" ht="10.5" x14ac:dyDescent="0.15">
      <c r="A68" s="159" t="s">
        <v>135</v>
      </c>
      <c r="B68" s="829">
        <v>2000000</v>
      </c>
      <c r="C68" s="830"/>
      <c r="D68" s="711">
        <v>184232564.25999999</v>
      </c>
      <c r="E68" s="712"/>
      <c r="F68" s="829">
        <v>184232564.25999999</v>
      </c>
      <c r="G68" s="830"/>
      <c r="H68" s="829">
        <v>297773736.63</v>
      </c>
      <c r="I68" s="841"/>
      <c r="J68" s="404"/>
      <c r="K68" s="674"/>
    </row>
    <row r="69" spans="1:11" ht="10.5" x14ac:dyDescent="0.2">
      <c r="A69" s="159" t="s">
        <v>136</v>
      </c>
      <c r="B69" s="825">
        <v>2000000</v>
      </c>
      <c r="C69" s="831"/>
      <c r="D69" s="697">
        <v>184232564.25999999</v>
      </c>
      <c r="E69" s="698"/>
      <c r="F69" s="825">
        <v>184232564.25999999</v>
      </c>
      <c r="G69" s="831"/>
      <c r="H69" s="825">
        <v>297773736.63</v>
      </c>
      <c r="I69" s="826"/>
      <c r="J69" s="404"/>
      <c r="K69" s="204"/>
    </row>
    <row r="70" spans="1:11" ht="10.5" x14ac:dyDescent="0.2">
      <c r="A70" s="118" t="s">
        <v>137</v>
      </c>
      <c r="B70" s="825">
        <v>2000000</v>
      </c>
      <c r="C70" s="831"/>
      <c r="D70" s="697">
        <v>7109366.7300000004</v>
      </c>
      <c r="E70" s="698"/>
      <c r="F70" s="825">
        <v>7109366.7300000004</v>
      </c>
      <c r="G70" s="831"/>
      <c r="H70" s="825">
        <v>169168371.87</v>
      </c>
      <c r="I70" s="826"/>
      <c r="J70" s="404"/>
      <c r="K70" s="204"/>
    </row>
    <row r="71" spans="1:11" ht="10.5" x14ac:dyDescent="0.2">
      <c r="A71" s="118" t="s">
        <v>138</v>
      </c>
      <c r="B71" s="825">
        <v>0</v>
      </c>
      <c r="C71" s="831"/>
      <c r="D71" s="697">
        <v>0</v>
      </c>
      <c r="E71" s="698"/>
      <c r="F71" s="825">
        <v>0</v>
      </c>
      <c r="G71" s="831"/>
      <c r="H71" s="825">
        <v>0</v>
      </c>
      <c r="I71" s="826"/>
      <c r="J71" s="404"/>
      <c r="K71" s="204"/>
    </row>
    <row r="72" spans="1:11" ht="10.5" x14ac:dyDescent="0.2">
      <c r="A72" s="118" t="s">
        <v>139</v>
      </c>
      <c r="B72" s="825">
        <v>0</v>
      </c>
      <c r="C72" s="831"/>
      <c r="D72" s="697">
        <v>177123197.53</v>
      </c>
      <c r="E72" s="698"/>
      <c r="F72" s="825">
        <v>177123197.53</v>
      </c>
      <c r="G72" s="831"/>
      <c r="H72" s="825">
        <v>128605364.76000001</v>
      </c>
      <c r="I72" s="826"/>
      <c r="J72" s="404"/>
      <c r="K72" s="204"/>
    </row>
    <row r="73" spans="1:11" s="66" customFormat="1" ht="10.5" x14ac:dyDescent="0.2">
      <c r="A73" s="159" t="s">
        <v>140</v>
      </c>
      <c r="B73" s="835">
        <v>0</v>
      </c>
      <c r="C73" s="836"/>
      <c r="D73" s="709">
        <v>0</v>
      </c>
      <c r="E73" s="710"/>
      <c r="F73" s="835">
        <v>0</v>
      </c>
      <c r="G73" s="836"/>
      <c r="H73" s="835">
        <v>0</v>
      </c>
      <c r="I73" s="840"/>
      <c r="J73" s="203"/>
      <c r="K73" s="205"/>
    </row>
    <row r="74" spans="1:11" ht="10.5" x14ac:dyDescent="0.2">
      <c r="A74" s="118" t="s">
        <v>141</v>
      </c>
      <c r="B74" s="825">
        <v>0</v>
      </c>
      <c r="C74" s="831"/>
      <c r="D74" s="697">
        <v>0</v>
      </c>
      <c r="E74" s="698"/>
      <c r="F74" s="825">
        <v>0</v>
      </c>
      <c r="G74" s="831"/>
      <c r="H74" s="825">
        <v>0</v>
      </c>
      <c r="I74" s="826"/>
      <c r="J74" s="404"/>
      <c r="K74" s="204"/>
    </row>
    <row r="75" spans="1:11" ht="10.5" x14ac:dyDescent="0.2">
      <c r="A75" s="118" t="s">
        <v>142</v>
      </c>
      <c r="B75" s="825">
        <v>0</v>
      </c>
      <c r="C75" s="831"/>
      <c r="D75" s="697">
        <v>0</v>
      </c>
      <c r="E75" s="698"/>
      <c r="F75" s="825">
        <v>0</v>
      </c>
      <c r="G75" s="831"/>
      <c r="H75" s="825">
        <v>0</v>
      </c>
      <c r="I75" s="826"/>
      <c r="J75" s="404"/>
      <c r="K75" s="204"/>
    </row>
    <row r="76" spans="1:11" ht="10.5" x14ac:dyDescent="0.2">
      <c r="A76" s="120" t="s">
        <v>139</v>
      </c>
      <c r="B76" s="827">
        <v>0</v>
      </c>
      <c r="C76" s="837"/>
      <c r="D76" s="707">
        <v>0</v>
      </c>
      <c r="E76" s="708"/>
      <c r="F76" s="827">
        <v>0</v>
      </c>
      <c r="G76" s="837"/>
      <c r="H76" s="827">
        <v>0</v>
      </c>
      <c r="I76" s="828"/>
      <c r="J76" s="404"/>
      <c r="K76" s="204"/>
    </row>
    <row r="77" spans="1:11" ht="5.0999999999999996" customHeight="1" x14ac:dyDescent="0.2">
      <c r="A77" s="177"/>
      <c r="B77" s="177"/>
      <c r="C77" s="177"/>
      <c r="D77" s="191"/>
      <c r="E77" s="191"/>
      <c r="F77" s="191"/>
      <c r="G77" s="68"/>
      <c r="H77" s="68"/>
      <c r="I77" s="68"/>
    </row>
    <row r="78" spans="1:11" s="66" customFormat="1" ht="15" customHeight="1" x14ac:dyDescent="0.2">
      <c r="A78" s="790" t="s">
        <v>143</v>
      </c>
      <c r="B78" s="790"/>
      <c r="C78" s="789"/>
      <c r="D78" s="788" t="s">
        <v>121</v>
      </c>
      <c r="E78" s="790"/>
      <c r="F78" s="790"/>
      <c r="G78" s="790"/>
      <c r="H78" s="790"/>
      <c r="I78" s="790"/>
      <c r="J78" s="155"/>
    </row>
    <row r="79" spans="1:11" ht="15" customHeight="1" x14ac:dyDescent="0.2">
      <c r="A79" s="838" t="s">
        <v>208</v>
      </c>
      <c r="B79" s="838"/>
      <c r="C79" s="839"/>
      <c r="D79" s="810"/>
      <c r="E79" s="811"/>
      <c r="F79" s="811"/>
      <c r="G79" s="811"/>
      <c r="H79" s="811"/>
      <c r="I79" s="811"/>
    </row>
    <row r="80" spans="1:11" ht="5.0999999999999996" customHeight="1" x14ac:dyDescent="0.2">
      <c r="A80" s="176"/>
      <c r="B80" s="176"/>
      <c r="C80" s="176"/>
      <c r="D80" s="175"/>
      <c r="E80" s="175"/>
      <c r="F80" s="175"/>
      <c r="G80" s="74"/>
      <c r="H80" s="74"/>
      <c r="I80" s="74"/>
    </row>
    <row r="81" spans="1:10" s="66" customFormat="1" ht="15" customHeight="1" x14ac:dyDescent="0.2">
      <c r="A81" s="793" t="s">
        <v>548</v>
      </c>
      <c r="B81" s="793"/>
      <c r="C81" s="803"/>
      <c r="D81" s="786" t="s">
        <v>207</v>
      </c>
      <c r="E81" s="793"/>
      <c r="F81" s="793"/>
      <c r="G81" s="793"/>
      <c r="H81" s="793"/>
      <c r="I81" s="793"/>
      <c r="J81" s="155"/>
    </row>
    <row r="82" spans="1:10" s="66" customFormat="1" ht="15" customHeight="1" x14ac:dyDescent="0.2">
      <c r="A82" s="809"/>
      <c r="B82" s="809"/>
      <c r="C82" s="796"/>
      <c r="D82" s="788">
        <v>2016</v>
      </c>
      <c r="E82" s="790"/>
      <c r="F82" s="789"/>
      <c r="G82" s="790">
        <v>2015</v>
      </c>
      <c r="H82" s="790"/>
      <c r="I82" s="790"/>
      <c r="J82" s="155"/>
    </row>
    <row r="83" spans="1:10" ht="10.5" x14ac:dyDescent="0.2">
      <c r="A83" s="812" t="s">
        <v>122</v>
      </c>
      <c r="B83" s="812"/>
      <c r="C83" s="813"/>
      <c r="D83" s="814">
        <v>0</v>
      </c>
      <c r="E83" s="815"/>
      <c r="F83" s="816"/>
      <c r="G83" s="823">
        <v>0</v>
      </c>
      <c r="H83" s="824"/>
      <c r="I83" s="824"/>
    </row>
    <row r="84" spans="1:10" ht="12.75" x14ac:dyDescent="0.2">
      <c r="A84" s="805" t="s">
        <v>123</v>
      </c>
      <c r="B84" s="805"/>
      <c r="C84" s="806"/>
      <c r="D84" s="817">
        <v>172115.17000000004</v>
      </c>
      <c r="E84" s="818"/>
      <c r="F84" s="819"/>
      <c r="G84" s="825">
        <v>132162866.84999999</v>
      </c>
      <c r="H84" s="826"/>
      <c r="I84" s="826"/>
    </row>
    <row r="85" spans="1:10" ht="12.75" x14ac:dyDescent="0.2">
      <c r="A85" s="805" t="s">
        <v>124</v>
      </c>
      <c r="B85" s="805"/>
      <c r="C85" s="806"/>
      <c r="D85" s="817">
        <v>19324343.670000017</v>
      </c>
      <c r="E85" s="818"/>
      <c r="F85" s="819"/>
      <c r="G85" s="825">
        <v>856516.82</v>
      </c>
      <c r="H85" s="826"/>
      <c r="I85" s="826"/>
    </row>
    <row r="86" spans="1:10" ht="12.75" x14ac:dyDescent="0.2">
      <c r="A86" s="807" t="s">
        <v>125</v>
      </c>
      <c r="B86" s="807"/>
      <c r="C86" s="808"/>
      <c r="D86" s="820">
        <v>0</v>
      </c>
      <c r="E86" s="821"/>
      <c r="F86" s="822"/>
      <c r="G86" s="827">
        <v>0</v>
      </c>
      <c r="H86" s="828"/>
      <c r="I86" s="828"/>
    </row>
    <row r="87" spans="1:10" ht="5.0999999999999996" customHeight="1" x14ac:dyDescent="0.2">
      <c r="A87" s="182"/>
      <c r="B87" s="182"/>
      <c r="C87" s="119"/>
      <c r="D87" s="804"/>
      <c r="E87" s="804"/>
      <c r="F87" s="177"/>
      <c r="G87" s="119"/>
      <c r="H87" s="74"/>
      <c r="I87" s="74"/>
    </row>
    <row r="88" spans="1:10" ht="15" customHeight="1" x14ac:dyDescent="0.15">
      <c r="A88" s="774" t="s">
        <v>144</v>
      </c>
      <c r="B88" s="791" t="s">
        <v>107</v>
      </c>
      <c r="C88" s="792"/>
      <c r="D88" s="791" t="s">
        <v>107</v>
      </c>
      <c r="E88" s="792"/>
      <c r="F88" s="786" t="s">
        <v>108</v>
      </c>
      <c r="G88" s="793"/>
      <c r="H88" s="793"/>
      <c r="I88" s="793"/>
    </row>
    <row r="89" spans="1:10" ht="15" customHeight="1" x14ac:dyDescent="0.2">
      <c r="A89" s="777"/>
      <c r="B89" s="794" t="s">
        <v>110</v>
      </c>
      <c r="C89" s="795"/>
      <c r="D89" s="797" t="s">
        <v>111</v>
      </c>
      <c r="E89" s="777"/>
      <c r="F89" s="772" t="s">
        <v>114</v>
      </c>
      <c r="G89" s="774"/>
      <c r="H89" s="772" t="s">
        <v>114</v>
      </c>
      <c r="I89" s="773"/>
    </row>
    <row r="90" spans="1:10" ht="15" customHeight="1" x14ac:dyDescent="0.2">
      <c r="A90" s="778"/>
      <c r="B90" s="787"/>
      <c r="C90" s="796"/>
      <c r="D90" s="798"/>
      <c r="E90" s="778"/>
      <c r="F90" s="787">
        <v>2016</v>
      </c>
      <c r="G90" s="796"/>
      <c r="H90" s="798">
        <v>2015</v>
      </c>
      <c r="I90" s="799"/>
    </row>
    <row r="91" spans="1:10" ht="11.25" customHeight="1" x14ac:dyDescent="0.2">
      <c r="A91" s="155" t="s">
        <v>146</v>
      </c>
      <c r="B91" s="711">
        <v>1036054000</v>
      </c>
      <c r="C91" s="712"/>
      <c r="D91" s="711">
        <v>1036054000</v>
      </c>
      <c r="E91" s="712"/>
      <c r="F91" s="711">
        <v>260483221.18000001</v>
      </c>
      <c r="G91" s="712"/>
      <c r="H91" s="711">
        <v>204847475.38000003</v>
      </c>
      <c r="I91" s="744"/>
    </row>
    <row r="92" spans="1:10" ht="11.25" customHeight="1" x14ac:dyDescent="0.2">
      <c r="A92" s="179" t="s">
        <v>177</v>
      </c>
      <c r="B92" s="697">
        <v>1036054000</v>
      </c>
      <c r="C92" s="698"/>
      <c r="D92" s="697">
        <v>1036054000</v>
      </c>
      <c r="E92" s="698"/>
      <c r="F92" s="697">
        <v>260483221.18000001</v>
      </c>
      <c r="G92" s="698"/>
      <c r="H92" s="697">
        <v>204847475.38000003</v>
      </c>
      <c r="I92" s="745"/>
    </row>
    <row r="93" spans="1:10" ht="11.25" customHeight="1" x14ac:dyDescent="0.2">
      <c r="A93" s="179" t="s">
        <v>145</v>
      </c>
      <c r="B93" s="697">
        <v>1036054000</v>
      </c>
      <c r="C93" s="698"/>
      <c r="D93" s="697">
        <v>1036054000</v>
      </c>
      <c r="E93" s="698"/>
      <c r="F93" s="697">
        <v>260483221.18000001</v>
      </c>
      <c r="G93" s="698"/>
      <c r="H93" s="697">
        <v>204847475.38000003</v>
      </c>
      <c r="I93" s="745"/>
    </row>
    <row r="94" spans="1:10" ht="11.25" customHeight="1" x14ac:dyDescent="0.2">
      <c r="A94" s="179" t="s">
        <v>281</v>
      </c>
      <c r="B94" s="697">
        <v>280000000</v>
      </c>
      <c r="C94" s="698"/>
      <c r="D94" s="697">
        <v>280000000</v>
      </c>
      <c r="E94" s="698"/>
      <c r="F94" s="697">
        <v>216967444.25</v>
      </c>
      <c r="G94" s="698"/>
      <c r="H94" s="697">
        <v>193733374.55000001</v>
      </c>
      <c r="I94" s="745"/>
    </row>
    <row r="95" spans="1:10" ht="11.25" customHeight="1" x14ac:dyDescent="0.2">
      <c r="A95" s="179" t="s">
        <v>128</v>
      </c>
      <c r="B95" s="697">
        <v>280000000</v>
      </c>
      <c r="C95" s="698"/>
      <c r="D95" s="697">
        <v>280000000</v>
      </c>
      <c r="E95" s="698"/>
      <c r="F95" s="697">
        <v>216967444.25</v>
      </c>
      <c r="G95" s="698"/>
      <c r="H95" s="697">
        <v>193733374.55000001</v>
      </c>
      <c r="I95" s="745"/>
    </row>
    <row r="96" spans="1:10" ht="11.25" customHeight="1" x14ac:dyDescent="0.2">
      <c r="A96" s="179" t="s">
        <v>129</v>
      </c>
      <c r="B96" s="697">
        <v>0</v>
      </c>
      <c r="C96" s="698"/>
      <c r="D96" s="697">
        <v>0</v>
      </c>
      <c r="E96" s="698"/>
      <c r="F96" s="697">
        <v>0</v>
      </c>
      <c r="G96" s="698"/>
      <c r="H96" s="697">
        <v>0</v>
      </c>
      <c r="I96" s="745"/>
    </row>
    <row r="97" spans="1:9" ht="11.25" customHeight="1" x14ac:dyDescent="0.2">
      <c r="A97" s="179" t="s">
        <v>130</v>
      </c>
      <c r="B97" s="697">
        <v>0</v>
      </c>
      <c r="C97" s="698"/>
      <c r="D97" s="697">
        <v>0</v>
      </c>
      <c r="E97" s="698"/>
      <c r="F97" s="697">
        <v>0</v>
      </c>
      <c r="G97" s="698"/>
      <c r="H97" s="697">
        <v>0</v>
      </c>
      <c r="I97" s="745"/>
    </row>
    <row r="98" spans="1:9" ht="11.25" customHeight="1" x14ac:dyDescent="0.2">
      <c r="A98" s="179" t="s">
        <v>282</v>
      </c>
      <c r="B98" s="697">
        <v>756054000</v>
      </c>
      <c r="C98" s="698"/>
      <c r="D98" s="697">
        <v>756054000</v>
      </c>
      <c r="E98" s="698"/>
      <c r="F98" s="697">
        <v>43515776.93</v>
      </c>
      <c r="G98" s="698"/>
      <c r="H98" s="697">
        <v>11114100.83</v>
      </c>
      <c r="I98" s="745"/>
    </row>
    <row r="99" spans="1:9" ht="11.25" customHeight="1" x14ac:dyDescent="0.2">
      <c r="A99" s="179" t="s">
        <v>131</v>
      </c>
      <c r="B99" s="697">
        <v>756054000</v>
      </c>
      <c r="C99" s="698"/>
      <c r="D99" s="697">
        <v>756054000</v>
      </c>
      <c r="E99" s="698"/>
      <c r="F99" s="697">
        <v>43515776.93</v>
      </c>
      <c r="G99" s="698"/>
      <c r="H99" s="697">
        <v>11114100.83</v>
      </c>
      <c r="I99" s="745"/>
    </row>
    <row r="100" spans="1:9" ht="11.25" customHeight="1" x14ac:dyDescent="0.2">
      <c r="A100" s="179" t="s">
        <v>132</v>
      </c>
      <c r="B100" s="697">
        <v>0</v>
      </c>
      <c r="C100" s="698"/>
      <c r="D100" s="697">
        <v>0</v>
      </c>
      <c r="E100" s="698"/>
      <c r="F100" s="697">
        <v>0</v>
      </c>
      <c r="G100" s="698"/>
      <c r="H100" s="697">
        <v>0</v>
      </c>
      <c r="I100" s="745"/>
    </row>
    <row r="101" spans="1:9" ht="11.25" customHeight="1" x14ac:dyDescent="0.2">
      <c r="A101" s="179" t="s">
        <v>738</v>
      </c>
      <c r="B101" s="697">
        <v>0</v>
      </c>
      <c r="C101" s="698"/>
      <c r="D101" s="697">
        <v>0</v>
      </c>
      <c r="E101" s="698"/>
      <c r="F101" s="697">
        <v>0</v>
      </c>
      <c r="G101" s="698"/>
      <c r="H101" s="697">
        <v>0</v>
      </c>
      <c r="I101" s="745"/>
    </row>
    <row r="102" spans="1:9" ht="11.25" customHeight="1" x14ac:dyDescent="0.2">
      <c r="A102" s="179" t="s">
        <v>758</v>
      </c>
      <c r="B102" s="697">
        <v>0</v>
      </c>
      <c r="C102" s="698"/>
      <c r="D102" s="697">
        <v>0</v>
      </c>
      <c r="E102" s="698"/>
      <c r="F102" s="697">
        <v>0</v>
      </c>
      <c r="G102" s="698"/>
      <c r="H102" s="697">
        <v>0</v>
      </c>
      <c r="I102" s="745"/>
    </row>
    <row r="103" spans="1:9" ht="11.25" customHeight="1" x14ac:dyDescent="0.2">
      <c r="A103" s="179" t="s">
        <v>759</v>
      </c>
      <c r="B103" s="697">
        <v>0</v>
      </c>
      <c r="C103" s="698"/>
      <c r="D103" s="697">
        <v>0</v>
      </c>
      <c r="E103" s="698"/>
      <c r="F103" s="697">
        <v>0</v>
      </c>
      <c r="G103" s="698"/>
      <c r="H103" s="697">
        <v>0</v>
      </c>
      <c r="I103" s="745"/>
    </row>
    <row r="104" spans="1:9" ht="11.25" customHeight="1" x14ac:dyDescent="0.2">
      <c r="A104" s="179" t="s">
        <v>178</v>
      </c>
      <c r="B104" s="697">
        <v>0</v>
      </c>
      <c r="C104" s="698"/>
      <c r="D104" s="697">
        <v>0</v>
      </c>
      <c r="E104" s="698"/>
      <c r="F104" s="697">
        <v>0</v>
      </c>
      <c r="G104" s="698"/>
      <c r="H104" s="697">
        <v>0</v>
      </c>
      <c r="I104" s="745"/>
    </row>
    <row r="105" spans="1:9" ht="11.25" customHeight="1" x14ac:dyDescent="0.2">
      <c r="A105" s="179" t="s">
        <v>185</v>
      </c>
      <c r="B105" s="697">
        <v>0</v>
      </c>
      <c r="C105" s="698"/>
      <c r="D105" s="697">
        <v>0</v>
      </c>
      <c r="E105" s="698"/>
      <c r="F105" s="697">
        <v>0</v>
      </c>
      <c r="G105" s="698"/>
      <c r="H105" s="697">
        <v>0</v>
      </c>
      <c r="I105" s="745"/>
    </row>
    <row r="106" spans="1:9" ht="11.25" customHeight="1" x14ac:dyDescent="0.2">
      <c r="A106" s="179" t="s">
        <v>182</v>
      </c>
      <c r="B106" s="697">
        <v>0</v>
      </c>
      <c r="C106" s="698"/>
      <c r="D106" s="697">
        <v>0</v>
      </c>
      <c r="E106" s="698"/>
      <c r="F106" s="697">
        <v>0</v>
      </c>
      <c r="G106" s="698"/>
      <c r="H106" s="697">
        <v>0</v>
      </c>
      <c r="I106" s="745"/>
    </row>
    <row r="107" spans="1:9" ht="11.25" customHeight="1" x14ac:dyDescent="0.2">
      <c r="A107" s="66" t="s">
        <v>147</v>
      </c>
      <c r="B107" s="697">
        <v>0</v>
      </c>
      <c r="C107" s="698"/>
      <c r="D107" s="697">
        <v>0</v>
      </c>
      <c r="E107" s="698"/>
      <c r="F107" s="697">
        <v>0</v>
      </c>
      <c r="G107" s="698"/>
      <c r="H107" s="697">
        <v>0</v>
      </c>
      <c r="I107" s="745"/>
    </row>
    <row r="108" spans="1:9" ht="11.25" customHeight="1" x14ac:dyDescent="0.2">
      <c r="A108" s="122" t="s">
        <v>799</v>
      </c>
      <c r="B108" s="697">
        <v>0</v>
      </c>
      <c r="C108" s="698"/>
      <c r="D108" s="697">
        <v>0</v>
      </c>
      <c r="E108" s="698"/>
      <c r="F108" s="697">
        <v>0</v>
      </c>
      <c r="G108" s="698"/>
      <c r="H108" s="697">
        <v>0</v>
      </c>
      <c r="I108" s="745"/>
    </row>
    <row r="109" spans="1:9" ht="11.25" customHeight="1" x14ac:dyDescent="0.2">
      <c r="A109" s="179" t="s">
        <v>801</v>
      </c>
      <c r="B109" s="697">
        <v>0</v>
      </c>
      <c r="C109" s="698"/>
      <c r="D109" s="697">
        <v>0</v>
      </c>
      <c r="E109" s="698"/>
      <c r="F109" s="697">
        <v>0</v>
      </c>
      <c r="G109" s="698"/>
      <c r="H109" s="697">
        <v>0</v>
      </c>
      <c r="I109" s="745"/>
    </row>
    <row r="110" spans="1:9" ht="11.25" customHeight="1" x14ac:dyDescent="0.2">
      <c r="A110" s="122" t="s">
        <v>800</v>
      </c>
      <c r="B110" s="697">
        <v>0</v>
      </c>
      <c r="C110" s="698"/>
      <c r="D110" s="697">
        <v>0</v>
      </c>
      <c r="E110" s="698"/>
      <c r="F110" s="697">
        <v>0</v>
      </c>
      <c r="G110" s="698"/>
      <c r="H110" s="697">
        <v>0</v>
      </c>
      <c r="I110" s="745"/>
    </row>
    <row r="111" spans="1:9" ht="11.25" customHeight="1" x14ac:dyDescent="0.2">
      <c r="A111" s="66"/>
      <c r="B111" s="707">
        <v>0</v>
      </c>
      <c r="C111" s="708"/>
      <c r="D111" s="707">
        <v>0</v>
      </c>
      <c r="E111" s="708"/>
      <c r="F111" s="707">
        <v>0</v>
      </c>
      <c r="G111" s="708"/>
      <c r="H111" s="707">
        <v>0</v>
      </c>
      <c r="I111" s="746"/>
    </row>
    <row r="112" spans="1:9" ht="26.25" customHeight="1" x14ac:dyDescent="0.2">
      <c r="A112" s="162" t="s">
        <v>757</v>
      </c>
      <c r="B112" s="742">
        <v>1036054000</v>
      </c>
      <c r="C112" s="750"/>
      <c r="D112" s="742">
        <v>1036054000</v>
      </c>
      <c r="E112" s="750"/>
      <c r="F112" s="742">
        <v>260483221.18000001</v>
      </c>
      <c r="G112" s="750"/>
      <c r="H112" s="742">
        <v>204847475.38000003</v>
      </c>
      <c r="I112" s="743"/>
    </row>
    <row r="113" spans="1:10" ht="5.0999999999999996" customHeight="1" x14ac:dyDescent="0.15">
      <c r="A113" s="196"/>
      <c r="B113" s="197"/>
      <c r="C113" s="197"/>
      <c r="D113" s="198"/>
      <c r="E113" s="198"/>
      <c r="F113" s="198"/>
      <c r="G113" s="199"/>
      <c r="H113" s="199"/>
      <c r="I113" s="199"/>
    </row>
    <row r="114" spans="1:10" ht="30" customHeight="1" x14ac:dyDescent="0.15">
      <c r="A114" s="832" t="s">
        <v>148</v>
      </c>
      <c r="B114" s="200" t="s">
        <v>156</v>
      </c>
      <c r="C114" s="200" t="s">
        <v>156</v>
      </c>
      <c r="D114" s="722" t="s">
        <v>157</v>
      </c>
      <c r="E114" s="724"/>
      <c r="F114" s="788" t="s">
        <v>158</v>
      </c>
      <c r="G114" s="789"/>
      <c r="H114" s="788" t="s">
        <v>346</v>
      </c>
      <c r="I114" s="790"/>
    </row>
    <row r="115" spans="1:10" ht="15" customHeight="1" x14ac:dyDescent="0.2">
      <c r="A115" s="833"/>
      <c r="B115" s="800" t="s">
        <v>110</v>
      </c>
      <c r="C115" s="800" t="s">
        <v>111</v>
      </c>
      <c r="D115" s="172" t="s">
        <v>114</v>
      </c>
      <c r="E115" s="172" t="s">
        <v>114</v>
      </c>
      <c r="F115" s="172" t="s">
        <v>114</v>
      </c>
      <c r="G115" s="172" t="s">
        <v>114</v>
      </c>
      <c r="H115" s="784" t="s">
        <v>873</v>
      </c>
      <c r="I115" s="786" t="s">
        <v>874</v>
      </c>
    </row>
    <row r="116" spans="1:10" ht="15" customHeight="1" x14ac:dyDescent="0.2">
      <c r="A116" s="834"/>
      <c r="B116" s="776"/>
      <c r="C116" s="776"/>
      <c r="D116" s="173">
        <v>2016</v>
      </c>
      <c r="E116" s="174">
        <v>2015</v>
      </c>
      <c r="F116" s="173">
        <v>2016</v>
      </c>
      <c r="G116" s="174">
        <v>2015</v>
      </c>
      <c r="H116" s="785"/>
      <c r="I116" s="787"/>
    </row>
    <row r="117" spans="1:10" ht="11.25" customHeight="1" x14ac:dyDescent="0.2">
      <c r="A117" s="160" t="s">
        <v>149</v>
      </c>
      <c r="B117" s="522">
        <v>0</v>
      </c>
      <c r="C117" s="522">
        <v>10000</v>
      </c>
      <c r="D117" s="522">
        <v>10000</v>
      </c>
      <c r="E117" s="522">
        <v>0</v>
      </c>
      <c r="F117" s="522">
        <v>3475.89</v>
      </c>
      <c r="G117" s="522">
        <v>0</v>
      </c>
      <c r="H117" s="522">
        <v>0</v>
      </c>
      <c r="I117" s="523">
        <v>0</v>
      </c>
    </row>
    <row r="118" spans="1:10" ht="11.25" customHeight="1" x14ac:dyDescent="0.2">
      <c r="A118" s="29" t="s">
        <v>203</v>
      </c>
      <c r="B118" s="421">
        <v>0</v>
      </c>
      <c r="C118" s="421">
        <v>10000</v>
      </c>
      <c r="D118" s="421">
        <v>10000</v>
      </c>
      <c r="E118" s="421"/>
      <c r="F118" s="421">
        <v>3475.89</v>
      </c>
      <c r="G118" s="421">
        <v>0</v>
      </c>
      <c r="H118" s="421"/>
      <c r="I118" s="520"/>
    </row>
    <row r="119" spans="1:10" ht="11.25" customHeight="1" x14ac:dyDescent="0.2">
      <c r="A119" s="30" t="s">
        <v>204</v>
      </c>
      <c r="B119" s="421">
        <v>0</v>
      </c>
      <c r="C119" s="421">
        <v>0</v>
      </c>
      <c r="D119" s="421"/>
      <c r="E119" s="421"/>
      <c r="F119" s="421"/>
      <c r="G119" s="421">
        <v>0</v>
      </c>
      <c r="H119" s="421"/>
      <c r="I119" s="520"/>
    </row>
    <row r="120" spans="1:10" ht="24.95" customHeight="1" x14ac:dyDescent="0.2">
      <c r="A120" s="400" t="s">
        <v>150</v>
      </c>
      <c r="B120" s="361">
        <v>0</v>
      </c>
      <c r="C120" s="361">
        <v>10000</v>
      </c>
      <c r="D120" s="361">
        <v>10000</v>
      </c>
      <c r="E120" s="361">
        <v>0</v>
      </c>
      <c r="F120" s="361">
        <v>3475.89</v>
      </c>
      <c r="G120" s="361">
        <v>0</v>
      </c>
      <c r="H120" s="361">
        <v>0</v>
      </c>
      <c r="I120" s="362">
        <v>0</v>
      </c>
    </row>
    <row r="121" spans="1:10" ht="11.25" customHeight="1" x14ac:dyDescent="0.2">
      <c r="A121" s="264" t="s">
        <v>846</v>
      </c>
      <c r="I121" s="296"/>
    </row>
    <row r="122" spans="1:10" ht="11.25" customHeight="1" x14ac:dyDescent="0.2">
      <c r="A122" s="264"/>
    </row>
    <row r="126" spans="1:10" s="264" customFormat="1" ht="11.25" customHeight="1" x14ac:dyDescent="0.2">
      <c r="F126" s="217"/>
      <c r="I126" s="217"/>
      <c r="J126" s="217"/>
    </row>
    <row r="127" spans="1:10" s="264" customFormat="1" ht="11.25" customHeight="1" x14ac:dyDescent="0.2">
      <c r="F127" s="217"/>
      <c r="I127" s="217"/>
      <c r="J127" s="217"/>
    </row>
    <row r="129" spans="1:9" ht="11.25" customHeight="1" x14ac:dyDescent="0.2">
      <c r="A129" s="264"/>
      <c r="B129" s="264"/>
      <c r="C129" s="264"/>
      <c r="D129" s="264"/>
      <c r="E129" s="264"/>
      <c r="F129" s="217"/>
      <c r="G129" s="264"/>
      <c r="H129" s="264"/>
      <c r="I129" s="217"/>
    </row>
    <row r="130" spans="1:9" s="45" customFormat="1" ht="11.25" customHeight="1" x14ac:dyDescent="0.2"/>
    <row r="131" spans="1:9" s="45" customFormat="1" ht="11.25" customHeight="1" x14ac:dyDescent="0.2"/>
    <row r="132" spans="1:9" s="45" customFormat="1" ht="11.25" customHeight="1" x14ac:dyDescent="0.2"/>
    <row r="133" spans="1:9" s="45" customFormat="1" ht="11.25" customHeight="1" x14ac:dyDescent="0.2"/>
    <row r="134" spans="1:9" s="45" customFormat="1" ht="11.25" customHeight="1" x14ac:dyDescent="0.2"/>
    <row r="135" spans="1:9" s="45" customFormat="1" ht="11.25" customHeight="1" x14ac:dyDescent="0.2"/>
    <row r="136" spans="1:9"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44" orientation="portrait" r:id="rId1"/>
      <headerFooter alignWithMargins="0"/>
    </customSheetView>
    <customSheetView guid="{82EDB5A4-4824-4632-A540-7A52C92F04C7}" scale="85" showPageBreaks="1" showGridLines="0" fitToPage="1" topLeftCell="A40">
      <selection activeCell="C50" sqref="C50"/>
      <pageMargins left="0.19685039370078741" right="0.19685039370078741" top="0.59055118110236227" bottom="0.19685039370078741" header="0" footer="0"/>
      <printOptions horizontalCentered="1"/>
      <pageSetup paperSize="9" scale="45" orientation="portrait" r:id="rId2"/>
      <headerFooter alignWithMargins="0"/>
    </customSheetView>
    <customSheetView guid="{3AAF6A5F-F9AA-430B-9AD9-1261ECDF41B5}" showPageBreaks="1" showGridLines="0" fitToPage="1" printArea="1">
      <pane xSplit="1" ySplit="12" topLeftCell="B60" activePane="bottomRight" state="frozen"/>
      <selection pane="bottomRight" activeCell="A69" sqref="A69"/>
      <pageMargins left="0.19685039370078741" right="0.19685039370078741" top="0.59055118110236227" bottom="0.19685039370078741" header="0" footer="0"/>
      <printOptions horizontalCentered="1"/>
      <pageSetup paperSize="9" scale="44" orientation="portrait" r:id="rId3"/>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4"/>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5"/>
      <headerFooter alignWithMargins="0"/>
    </customSheetView>
    <customSheetView guid="{B4FED47C-EE37-4843-A570-282D4F8229D4}" showGridLines="0" fitToPage="1" topLeftCell="A28">
      <selection activeCell="A46" sqref="A46"/>
      <pageMargins left="0.19685039370078741" right="0.19685039370078741" top="0.59055118110236227" bottom="0.19685039370078741" header="0" footer="0"/>
      <printOptions horizontalCentered="1"/>
      <pageSetup paperSize="9" scale="44" orientation="portrait" r:id="rId6"/>
      <headerFooter alignWithMargins="0"/>
    </customSheetView>
    <customSheetView guid="{6DBFA32C-4AA4-4E1D-9A48-697377C64CC3}" showPageBreaks="1" showGridLines="0" fitToPage="1" printArea="1" topLeftCell="A34">
      <selection activeCell="H9" sqref="H9"/>
      <pageMargins left="0.19685039370078741" right="0.19685039370078741" top="0.59055118110236227" bottom="0.19685039370078741" header="0" footer="0"/>
      <printOptions horizontalCentered="1"/>
      <pageSetup paperSize="9" scale="45" orientation="portrait" r:id="rId7"/>
      <headerFooter alignWithMargins="0"/>
    </customSheetView>
    <customSheetView guid="{25EF1E0D-169B-4051-B414-7E1196FC05E4}" showPageBreaks="1" showGridLines="0" fitToPage="1" printArea="1">
      <selection activeCell="F29" sqref="F29:G29"/>
      <pageMargins left="0.19685039370078741" right="0.19685039370078741" top="0.59055118110236227" bottom="0.19685039370078741" header="0" footer="0"/>
      <printOptions horizontalCentered="1"/>
      <pageSetup paperSize="9" scale="44" orientation="portrait" r:id="rId8"/>
      <headerFooter alignWithMargins="0"/>
    </customSheetView>
  </customSheetViews>
  <mergeCells count="305">
    <mergeCell ref="H14:I14"/>
    <mergeCell ref="H15:I15"/>
    <mergeCell ref="H16:I16"/>
    <mergeCell ref="H20:I20"/>
    <mergeCell ref="H25:I25"/>
    <mergeCell ref="H30:I30"/>
    <mergeCell ref="H33:I33"/>
    <mergeCell ref="H39:I39"/>
    <mergeCell ref="H68:I68"/>
    <mergeCell ref="H42:H43"/>
    <mergeCell ref="I42:I43"/>
    <mergeCell ref="H41:I41"/>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B66:C67"/>
    <mergeCell ref="D66:E67"/>
    <mergeCell ref="F66:G66"/>
    <mergeCell ref="H66:I66"/>
    <mergeCell ref="F67:G67"/>
    <mergeCell ref="H67:I67"/>
    <mergeCell ref="B68:C68"/>
    <mergeCell ref="B69:C69"/>
    <mergeCell ref="F68:G68"/>
    <mergeCell ref="F69:G69"/>
    <mergeCell ref="D68:E68"/>
    <mergeCell ref="D69:E69"/>
    <mergeCell ref="H69:I69"/>
    <mergeCell ref="F102:G102"/>
    <mergeCell ref="H102:I102"/>
    <mergeCell ref="D107:E107"/>
    <mergeCell ref="F107:G107"/>
    <mergeCell ref="D101:E101"/>
    <mergeCell ref="D102:E102"/>
    <mergeCell ref="D103:E103"/>
    <mergeCell ref="D104:E104"/>
    <mergeCell ref="D105:E105"/>
    <mergeCell ref="D106:E106"/>
    <mergeCell ref="H107:I107"/>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H100:I100"/>
    <mergeCell ref="B101:C101"/>
    <mergeCell ref="F101:G101"/>
    <mergeCell ref="H101:I101"/>
    <mergeCell ref="B102:C102"/>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35:C35"/>
    <mergeCell ref="D35:E35"/>
    <mergeCell ref="F35:G35"/>
    <mergeCell ref="H35:I35"/>
    <mergeCell ref="H34:I34"/>
    <mergeCell ref="H36:I36"/>
    <mergeCell ref="F30:G30"/>
    <mergeCell ref="F31:G31"/>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D18:E18"/>
    <mergeCell ref="F18:G18"/>
    <mergeCell ref="H18:I18"/>
    <mergeCell ref="B22:C22"/>
    <mergeCell ref="D22:E22"/>
    <mergeCell ref="F22:G22"/>
    <mergeCell ref="B15:C15"/>
    <mergeCell ref="A65:A67"/>
    <mergeCell ref="A78:C78"/>
    <mergeCell ref="D78:I78"/>
    <mergeCell ref="B65:C65"/>
    <mergeCell ref="D65:E65"/>
    <mergeCell ref="F65:I65"/>
    <mergeCell ref="F23:G23"/>
    <mergeCell ref="H23:I23"/>
    <mergeCell ref="B24:C24"/>
    <mergeCell ref="D24:E24"/>
    <mergeCell ref="F24:G24"/>
    <mergeCell ref="H24:I24"/>
    <mergeCell ref="B25:C25"/>
    <mergeCell ref="D25:E25"/>
    <mergeCell ref="F25:G25"/>
    <mergeCell ref="B26:C26"/>
    <mergeCell ref="D26:E26"/>
    <mergeCell ref="F32:G32"/>
    <mergeCell ref="F33:G33"/>
    <mergeCell ref="F34:G34"/>
    <mergeCell ref="F16:G16"/>
    <mergeCell ref="H17:I17"/>
    <mergeCell ref="H31:I31"/>
    <mergeCell ref="H32:I32"/>
    <mergeCell ref="F26:G26"/>
    <mergeCell ref="H26:I26"/>
    <mergeCell ref="F14:G14"/>
    <mergeCell ref="F15:G15"/>
    <mergeCell ref="D41:E41"/>
    <mergeCell ref="F41:G41"/>
    <mergeCell ref="H38:I38"/>
    <mergeCell ref="F38:G38"/>
    <mergeCell ref="B19:C19"/>
    <mergeCell ref="D19:E19"/>
    <mergeCell ref="F19:G19"/>
    <mergeCell ref="H19:I19"/>
    <mergeCell ref="B20:C20"/>
    <mergeCell ref="D20:E20"/>
    <mergeCell ref="F20:G20"/>
    <mergeCell ref="B21:C21"/>
    <mergeCell ref="D21:E21"/>
    <mergeCell ref="F21:G21"/>
    <mergeCell ref="H21:I21"/>
    <mergeCell ref="H22:I22"/>
    <mergeCell ref="B23:C23"/>
    <mergeCell ref="D23:E23"/>
    <mergeCell ref="F17:G17"/>
    <mergeCell ref="B14:C14"/>
    <mergeCell ref="D14:E14"/>
    <mergeCell ref="F36:G36"/>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H13:I13"/>
    <mergeCell ref="A6:I6"/>
    <mergeCell ref="A7:I7"/>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B18:C18"/>
    <mergeCell ref="A88:A90"/>
    <mergeCell ref="B88:C88"/>
    <mergeCell ref="D88:E88"/>
    <mergeCell ref="F88:I88"/>
    <mergeCell ref="B89:C90"/>
    <mergeCell ref="D89:E90"/>
    <mergeCell ref="F89:G89"/>
    <mergeCell ref="H89:I89"/>
    <mergeCell ref="F90:G90"/>
    <mergeCell ref="H90:I90"/>
    <mergeCell ref="B91:C91"/>
    <mergeCell ref="D91:E91"/>
    <mergeCell ref="F91:G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H91:I91"/>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s>
  <printOptions horizontalCentered="1"/>
  <pageMargins left="0.19685039370078741" right="0.19685039370078741" top="0.59055118110236227" bottom="0.19685039370078741" header="0" footer="0"/>
  <pageSetup paperSize="9" scale="43" orientation="portrait" r:id="rId9"/>
  <headerFooter alignWithMargins="0"/>
  <drawing r:id="rId1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tabColor rgb="FF00B050"/>
    <pageSetUpPr fitToPage="1"/>
  </sheetPr>
  <dimension ref="A1:Q136"/>
  <sheetViews>
    <sheetView showGridLines="0" zoomScaleNormal="100" workbookViewId="0"/>
  </sheetViews>
  <sheetFormatPr defaultColWidth="4.140625" defaultRowHeight="11.25" customHeight="1" x14ac:dyDescent="0.2"/>
  <cols>
    <col min="1" max="1" width="70.7109375" style="152" customWidth="1"/>
    <col min="2" max="3" width="20.140625" style="1" bestFit="1" customWidth="1"/>
    <col min="4" max="9" width="15.7109375" style="1" customWidth="1"/>
    <col min="10" max="10" width="4.140625" style="217"/>
    <col min="11" max="16384" width="4.140625" style="1"/>
  </cols>
  <sheetData>
    <row r="1" spans="1:10" s="26" customFormat="1" ht="11.25" customHeight="1" x14ac:dyDescent="0.2">
      <c r="A1" s="290"/>
      <c r="B1" s="290"/>
      <c r="C1" s="290"/>
      <c r="D1" s="290"/>
      <c r="E1" s="290"/>
      <c r="F1" s="290"/>
      <c r="G1" s="290"/>
      <c r="H1" s="290"/>
      <c r="I1" s="290"/>
      <c r="J1" s="112"/>
    </row>
    <row r="2" spans="1:10" s="26" customFormat="1" ht="11.25" customHeight="1" x14ac:dyDescent="0.2">
      <c r="A2" s="153"/>
      <c r="J2" s="112"/>
    </row>
    <row r="3" spans="1:10" s="45" customFormat="1" ht="10.5" x14ac:dyDescent="0.2">
      <c r="A3" s="713" t="s">
        <v>637</v>
      </c>
      <c r="B3" s="713"/>
      <c r="C3" s="713"/>
      <c r="D3" s="713"/>
      <c r="E3" s="713"/>
      <c r="F3" s="713"/>
      <c r="G3" s="713"/>
      <c r="H3" s="713"/>
      <c r="I3" s="713"/>
      <c r="J3" s="56"/>
    </row>
    <row r="4" spans="1:10" s="45" customFormat="1" ht="10.5" x14ac:dyDescent="0.2">
      <c r="A4" s="713" t="s">
        <v>104</v>
      </c>
      <c r="B4" s="713"/>
      <c r="C4" s="713"/>
      <c r="D4" s="713"/>
      <c r="E4" s="713"/>
      <c r="F4" s="713"/>
      <c r="G4" s="713"/>
      <c r="H4" s="713"/>
      <c r="I4" s="713"/>
      <c r="J4" s="56"/>
    </row>
    <row r="5" spans="1:10" s="45" customFormat="1" ht="10.5" x14ac:dyDescent="0.2">
      <c r="A5" s="713" t="s">
        <v>126</v>
      </c>
      <c r="B5" s="713"/>
      <c r="C5" s="713"/>
      <c r="D5" s="713"/>
      <c r="E5" s="713"/>
      <c r="F5" s="713"/>
      <c r="G5" s="713"/>
      <c r="H5" s="713"/>
      <c r="I5" s="713"/>
      <c r="J5" s="56"/>
    </row>
    <row r="6" spans="1:10" s="45" customFormat="1" ht="10.5" x14ac:dyDescent="0.2">
      <c r="A6" s="713" t="s">
        <v>736</v>
      </c>
      <c r="B6" s="713"/>
      <c r="C6" s="713"/>
      <c r="D6" s="713"/>
      <c r="E6" s="713"/>
      <c r="F6" s="713"/>
      <c r="G6" s="713"/>
      <c r="H6" s="713"/>
      <c r="I6" s="713"/>
      <c r="J6" s="56"/>
    </row>
    <row r="7" spans="1:10" s="45" customFormat="1" ht="10.5" x14ac:dyDescent="0.2">
      <c r="A7" s="713" t="s">
        <v>888</v>
      </c>
      <c r="B7" s="713"/>
      <c r="C7" s="713"/>
      <c r="D7" s="713"/>
      <c r="E7" s="713"/>
      <c r="F7" s="713"/>
      <c r="G7" s="713"/>
      <c r="H7" s="713"/>
      <c r="I7" s="713"/>
      <c r="J7" s="56"/>
    </row>
    <row r="8" spans="1:10" s="26" customFormat="1" ht="11.25" customHeight="1" x14ac:dyDescent="0.2">
      <c r="J8" s="112"/>
    </row>
    <row r="9" spans="1:10" s="26" customFormat="1" ht="10.5" x14ac:dyDescent="0.2">
      <c r="A9" s="26" t="s">
        <v>365</v>
      </c>
      <c r="F9" s="801"/>
      <c r="G9" s="801"/>
      <c r="I9" s="617">
        <v>1</v>
      </c>
      <c r="J9" s="112"/>
    </row>
    <row r="10" spans="1:10" ht="15" customHeight="1" x14ac:dyDescent="0.15">
      <c r="A10" s="774" t="s">
        <v>109</v>
      </c>
      <c r="B10" s="791" t="s">
        <v>107</v>
      </c>
      <c r="C10" s="792"/>
      <c r="D10" s="791" t="s">
        <v>107</v>
      </c>
      <c r="E10" s="792"/>
      <c r="F10" s="786" t="s">
        <v>108</v>
      </c>
      <c r="G10" s="793"/>
      <c r="H10" s="793"/>
      <c r="I10" s="793"/>
    </row>
    <row r="11" spans="1:10" ht="15" customHeight="1" x14ac:dyDescent="0.2">
      <c r="A11" s="777"/>
      <c r="B11" s="794" t="s">
        <v>110</v>
      </c>
      <c r="C11" s="795"/>
      <c r="D11" s="797" t="s">
        <v>111</v>
      </c>
      <c r="E11" s="777"/>
      <c r="F11" s="772" t="s">
        <v>114</v>
      </c>
      <c r="G11" s="774"/>
      <c r="H11" s="772" t="s">
        <v>114</v>
      </c>
      <c r="I11" s="773"/>
    </row>
    <row r="12" spans="1:10" ht="15" customHeight="1" x14ac:dyDescent="0.2">
      <c r="A12" s="778"/>
      <c r="B12" s="787"/>
      <c r="C12" s="796"/>
      <c r="D12" s="798"/>
      <c r="E12" s="778"/>
      <c r="F12" s="794">
        <v>2016</v>
      </c>
      <c r="G12" s="795"/>
      <c r="H12" s="797">
        <v>2015</v>
      </c>
      <c r="I12" s="802"/>
    </row>
    <row r="13" spans="1:10" s="66" customFormat="1" ht="10.5" x14ac:dyDescent="0.2">
      <c r="A13" s="155" t="s">
        <v>280</v>
      </c>
      <c r="B13" s="711">
        <v>0</v>
      </c>
      <c r="C13" s="712"/>
      <c r="D13" s="711">
        <v>29590779.799999997</v>
      </c>
      <c r="E13" s="712"/>
      <c r="F13" s="711">
        <v>29590779.799999997</v>
      </c>
      <c r="G13" s="712"/>
      <c r="H13" s="711">
        <v>13030775.9</v>
      </c>
      <c r="I13" s="744"/>
      <c r="J13" s="155"/>
    </row>
    <row r="14" spans="1:10" s="66" customFormat="1" ht="10.5" x14ac:dyDescent="0.2">
      <c r="A14" s="155" t="s">
        <v>8</v>
      </c>
      <c r="B14" s="709">
        <v>0</v>
      </c>
      <c r="C14" s="710"/>
      <c r="D14" s="709">
        <v>29590779.799999997</v>
      </c>
      <c r="E14" s="710"/>
      <c r="F14" s="709">
        <v>29590779.799999997</v>
      </c>
      <c r="G14" s="710"/>
      <c r="H14" s="709">
        <v>13030775.9</v>
      </c>
      <c r="I14" s="734"/>
      <c r="J14" s="155"/>
    </row>
    <row r="15" spans="1:10" ht="10.5" x14ac:dyDescent="0.2">
      <c r="A15" s="264" t="s">
        <v>127</v>
      </c>
      <c r="B15" s="697">
        <v>0</v>
      </c>
      <c r="C15" s="698"/>
      <c r="D15" s="697">
        <v>16578333.52</v>
      </c>
      <c r="E15" s="698"/>
      <c r="F15" s="697">
        <v>16578333.52</v>
      </c>
      <c r="G15" s="698"/>
      <c r="H15" s="697">
        <v>9222661.25</v>
      </c>
      <c r="I15" s="745"/>
    </row>
    <row r="16" spans="1:10" ht="10.5" x14ac:dyDescent="0.2">
      <c r="A16" s="264" t="s">
        <v>281</v>
      </c>
      <c r="B16" s="697">
        <v>0</v>
      </c>
      <c r="C16" s="698"/>
      <c r="D16" s="697">
        <v>14250775.65</v>
      </c>
      <c r="E16" s="698"/>
      <c r="F16" s="697">
        <v>14250775.65</v>
      </c>
      <c r="G16" s="698"/>
      <c r="H16" s="697">
        <v>8461446.9299999997</v>
      </c>
      <c r="I16" s="745"/>
    </row>
    <row r="17" spans="1:9" ht="10.5" x14ac:dyDescent="0.2">
      <c r="A17" s="264" t="s">
        <v>128</v>
      </c>
      <c r="B17" s="697"/>
      <c r="C17" s="698"/>
      <c r="D17" s="697">
        <v>14250523.23</v>
      </c>
      <c r="E17" s="698"/>
      <c r="F17" s="697">
        <v>14250523.23</v>
      </c>
      <c r="G17" s="698"/>
      <c r="H17" s="697">
        <v>8461446.9299999997</v>
      </c>
      <c r="I17" s="745"/>
    </row>
    <row r="18" spans="1:9" ht="10.5" x14ac:dyDescent="0.2">
      <c r="A18" s="264" t="s">
        <v>129</v>
      </c>
      <c r="B18" s="697"/>
      <c r="C18" s="698"/>
      <c r="D18" s="697">
        <v>0</v>
      </c>
      <c r="E18" s="698"/>
      <c r="F18" s="697">
        <v>0</v>
      </c>
      <c r="G18" s="698"/>
      <c r="H18" s="697">
        <v>0</v>
      </c>
      <c r="I18" s="745"/>
    </row>
    <row r="19" spans="1:9" ht="10.5" x14ac:dyDescent="0.2">
      <c r="A19" s="264" t="s">
        <v>130</v>
      </c>
      <c r="B19" s="697"/>
      <c r="C19" s="698"/>
      <c r="D19" s="697">
        <v>252.42</v>
      </c>
      <c r="E19" s="698"/>
      <c r="F19" s="697">
        <v>252.42</v>
      </c>
      <c r="G19" s="698"/>
      <c r="H19" s="697">
        <v>0</v>
      </c>
      <c r="I19" s="745"/>
    </row>
    <row r="20" spans="1:9" ht="10.5" x14ac:dyDescent="0.2">
      <c r="A20" s="264" t="s">
        <v>282</v>
      </c>
      <c r="B20" s="697">
        <v>0</v>
      </c>
      <c r="C20" s="698"/>
      <c r="D20" s="697">
        <v>2327557.87</v>
      </c>
      <c r="E20" s="698"/>
      <c r="F20" s="697">
        <v>2327557.87</v>
      </c>
      <c r="G20" s="698"/>
      <c r="H20" s="697">
        <v>761214.32</v>
      </c>
      <c r="I20" s="745"/>
    </row>
    <row r="21" spans="1:9" ht="10.5" x14ac:dyDescent="0.2">
      <c r="A21" s="264" t="s">
        <v>131</v>
      </c>
      <c r="B21" s="697"/>
      <c r="C21" s="698"/>
      <c r="D21" s="697">
        <v>2327557.87</v>
      </c>
      <c r="E21" s="698"/>
      <c r="F21" s="697">
        <v>2327557.87</v>
      </c>
      <c r="G21" s="698"/>
      <c r="H21" s="697">
        <v>761214.32</v>
      </c>
      <c r="I21" s="745"/>
    </row>
    <row r="22" spans="1:9" ht="10.5" x14ac:dyDescent="0.2">
      <c r="A22" s="264" t="s">
        <v>132</v>
      </c>
      <c r="B22" s="697"/>
      <c r="C22" s="698"/>
      <c r="D22" s="697">
        <v>0</v>
      </c>
      <c r="E22" s="698"/>
      <c r="F22" s="697">
        <v>0</v>
      </c>
      <c r="G22" s="698"/>
      <c r="H22" s="697">
        <v>0</v>
      </c>
      <c r="I22" s="745"/>
    </row>
    <row r="23" spans="1:9" ht="10.5" x14ac:dyDescent="0.2">
      <c r="A23" s="264" t="s">
        <v>738</v>
      </c>
      <c r="B23" s="697"/>
      <c r="C23" s="698"/>
      <c r="D23" s="697">
        <v>0</v>
      </c>
      <c r="E23" s="698"/>
      <c r="F23" s="697">
        <v>0</v>
      </c>
      <c r="G23" s="698"/>
      <c r="H23" s="697">
        <v>0</v>
      </c>
      <c r="I23" s="745"/>
    </row>
    <row r="24" spans="1:9" ht="10.5" x14ac:dyDescent="0.2">
      <c r="A24" s="264" t="s">
        <v>154</v>
      </c>
      <c r="B24" s="697"/>
      <c r="C24" s="698"/>
      <c r="D24" s="697">
        <v>0</v>
      </c>
      <c r="E24" s="698"/>
      <c r="F24" s="697">
        <v>0</v>
      </c>
      <c r="G24" s="698"/>
      <c r="H24" s="697">
        <v>569640.47</v>
      </c>
      <c r="I24" s="745"/>
    </row>
    <row r="25" spans="1:9" ht="10.5" x14ac:dyDescent="0.2">
      <c r="A25" s="264" t="s">
        <v>310</v>
      </c>
      <c r="B25" s="697">
        <v>0</v>
      </c>
      <c r="C25" s="698"/>
      <c r="D25" s="697">
        <v>13012446.279999999</v>
      </c>
      <c r="E25" s="698"/>
      <c r="F25" s="697">
        <v>13012446.279999999</v>
      </c>
      <c r="G25" s="698"/>
      <c r="H25" s="697">
        <v>3238474.18</v>
      </c>
      <c r="I25" s="745"/>
    </row>
    <row r="26" spans="1:9" ht="10.5" x14ac:dyDescent="0.2">
      <c r="A26" s="264" t="s">
        <v>16</v>
      </c>
      <c r="B26" s="697"/>
      <c r="C26" s="698"/>
      <c r="D26" s="697">
        <v>0</v>
      </c>
      <c r="E26" s="698"/>
      <c r="F26" s="697">
        <v>0</v>
      </c>
      <c r="G26" s="698"/>
      <c r="H26" s="697">
        <v>0</v>
      </c>
      <c r="I26" s="745"/>
    </row>
    <row r="27" spans="1:9" ht="10.5" x14ac:dyDescent="0.2">
      <c r="A27" s="264" t="s">
        <v>17</v>
      </c>
      <c r="B27" s="697"/>
      <c r="C27" s="698"/>
      <c r="D27" s="697">
        <v>13012446.279999999</v>
      </c>
      <c r="E27" s="698"/>
      <c r="F27" s="697">
        <v>13012446.279999999</v>
      </c>
      <c r="G27" s="698"/>
      <c r="H27" s="697">
        <v>3238474.18</v>
      </c>
      <c r="I27" s="745"/>
    </row>
    <row r="28" spans="1:9" ht="10.5" x14ac:dyDescent="0.2">
      <c r="A28" s="264" t="s">
        <v>19</v>
      </c>
      <c r="B28" s="697"/>
      <c r="C28" s="698"/>
      <c r="D28" s="697">
        <v>0</v>
      </c>
      <c r="E28" s="698"/>
      <c r="F28" s="697">
        <v>0</v>
      </c>
      <c r="G28" s="698"/>
      <c r="H28" s="697">
        <v>0</v>
      </c>
      <c r="I28" s="745"/>
    </row>
    <row r="29" spans="1:9" ht="10.5" x14ac:dyDescent="0.2">
      <c r="A29" s="264" t="s">
        <v>226</v>
      </c>
      <c r="B29" s="697"/>
      <c r="C29" s="698"/>
      <c r="D29" s="697">
        <v>0</v>
      </c>
      <c r="E29" s="698"/>
      <c r="F29" s="697">
        <v>0</v>
      </c>
      <c r="G29" s="698"/>
      <c r="H29" s="697">
        <v>0</v>
      </c>
      <c r="I29" s="745"/>
    </row>
    <row r="30" spans="1:9" ht="10.5" x14ac:dyDescent="0.2">
      <c r="A30" s="54" t="s">
        <v>283</v>
      </c>
      <c r="B30" s="697">
        <v>0</v>
      </c>
      <c r="C30" s="698"/>
      <c r="D30" s="697">
        <v>0</v>
      </c>
      <c r="E30" s="698"/>
      <c r="F30" s="697">
        <v>0</v>
      </c>
      <c r="G30" s="698"/>
      <c r="H30" s="697">
        <v>0</v>
      </c>
      <c r="I30" s="745"/>
    </row>
    <row r="31" spans="1:9" ht="10.5" x14ac:dyDescent="0.2">
      <c r="A31" s="122" t="s">
        <v>542</v>
      </c>
      <c r="B31" s="697"/>
      <c r="C31" s="698"/>
      <c r="D31" s="697">
        <v>0</v>
      </c>
      <c r="E31" s="698"/>
      <c r="F31" s="697">
        <v>0</v>
      </c>
      <c r="G31" s="698"/>
      <c r="H31" s="697">
        <v>0</v>
      </c>
      <c r="I31" s="745"/>
    </row>
    <row r="32" spans="1:9" ht="10.5" x14ac:dyDescent="0.2">
      <c r="A32" s="122" t="s">
        <v>543</v>
      </c>
      <c r="B32" s="697"/>
      <c r="C32" s="698"/>
      <c r="D32" s="697">
        <v>0</v>
      </c>
      <c r="E32" s="698"/>
      <c r="F32" s="697">
        <v>0</v>
      </c>
      <c r="G32" s="698"/>
      <c r="H32" s="697">
        <v>0</v>
      </c>
      <c r="I32" s="745"/>
    </row>
    <row r="33" spans="1:17" s="66" customFormat="1" ht="10.5" x14ac:dyDescent="0.2">
      <c r="A33" s="156" t="s">
        <v>40</v>
      </c>
      <c r="B33" s="697">
        <v>0</v>
      </c>
      <c r="C33" s="698"/>
      <c r="D33" s="697">
        <v>0</v>
      </c>
      <c r="E33" s="698"/>
      <c r="F33" s="697">
        <v>0</v>
      </c>
      <c r="G33" s="698"/>
      <c r="H33" s="697">
        <v>0</v>
      </c>
      <c r="I33" s="745"/>
      <c r="J33" s="155"/>
    </row>
    <row r="34" spans="1:17" ht="10.5" x14ac:dyDescent="0.2">
      <c r="A34" s="122" t="s">
        <v>119</v>
      </c>
      <c r="B34" s="697"/>
      <c r="C34" s="698"/>
      <c r="D34" s="697">
        <v>0</v>
      </c>
      <c r="E34" s="698"/>
      <c r="F34" s="697">
        <v>0</v>
      </c>
      <c r="G34" s="698"/>
      <c r="H34" s="697">
        <v>0</v>
      </c>
      <c r="I34" s="745"/>
    </row>
    <row r="35" spans="1:17" ht="10.5" x14ac:dyDescent="0.2">
      <c r="A35" s="264" t="s">
        <v>227</v>
      </c>
      <c r="B35" s="697"/>
      <c r="C35" s="698"/>
      <c r="D35" s="697">
        <v>0</v>
      </c>
      <c r="E35" s="698"/>
      <c r="F35" s="697">
        <v>0</v>
      </c>
      <c r="G35" s="698"/>
      <c r="H35" s="697">
        <v>0</v>
      </c>
      <c r="I35" s="745"/>
    </row>
    <row r="36" spans="1:17" ht="10.5" x14ac:dyDescent="0.2">
      <c r="A36" s="122" t="s">
        <v>284</v>
      </c>
      <c r="B36" s="697"/>
      <c r="C36" s="698"/>
      <c r="D36" s="697">
        <v>0</v>
      </c>
      <c r="E36" s="698"/>
      <c r="F36" s="697">
        <v>0</v>
      </c>
      <c r="G36" s="698"/>
      <c r="H36" s="697">
        <v>0</v>
      </c>
      <c r="I36" s="745"/>
    </row>
    <row r="37" spans="1:17" s="152" customFormat="1" ht="10.5" x14ac:dyDescent="0.2">
      <c r="A37" s="66"/>
      <c r="B37" s="697"/>
      <c r="C37" s="698"/>
      <c r="D37" s="697">
        <v>0</v>
      </c>
      <c r="E37" s="698"/>
      <c r="F37" s="697">
        <v>0</v>
      </c>
      <c r="G37" s="698"/>
      <c r="H37" s="697">
        <v>0</v>
      </c>
      <c r="I37" s="745"/>
      <c r="J37" s="217"/>
    </row>
    <row r="38" spans="1:17" s="66" customFormat="1" ht="15" customHeight="1" x14ac:dyDescent="0.2">
      <c r="A38" s="157" t="s">
        <v>544</v>
      </c>
      <c r="B38" s="701">
        <v>40860000</v>
      </c>
      <c r="C38" s="702"/>
      <c r="D38" s="701">
        <v>75155496.719999999</v>
      </c>
      <c r="E38" s="702"/>
      <c r="F38" s="701">
        <v>34295496.719999999</v>
      </c>
      <c r="G38" s="702"/>
      <c r="H38" s="701">
        <v>19719678.140000001</v>
      </c>
      <c r="I38" s="747"/>
      <c r="J38" s="155"/>
      <c r="Q38" s="672"/>
    </row>
    <row r="39" spans="1:17" ht="18.75" customHeight="1" x14ac:dyDescent="0.15">
      <c r="A39" s="123" t="s">
        <v>756</v>
      </c>
      <c r="B39" s="742">
        <v>40860000</v>
      </c>
      <c r="C39" s="750"/>
      <c r="D39" s="742">
        <v>104746276.52</v>
      </c>
      <c r="E39" s="750"/>
      <c r="F39" s="742">
        <v>63886276.519999996</v>
      </c>
      <c r="G39" s="750"/>
      <c r="H39" s="742">
        <v>32750454.039999999</v>
      </c>
      <c r="I39" s="743"/>
      <c r="Q39" s="695"/>
    </row>
    <row r="40" spans="1:17" ht="10.5" x14ac:dyDescent="0.2">
      <c r="A40" s="124"/>
      <c r="B40" s="121"/>
      <c r="C40" s="121"/>
      <c r="D40" s="15"/>
      <c r="E40" s="121"/>
      <c r="F40" s="74"/>
      <c r="G40" s="74"/>
      <c r="H40" s="25"/>
      <c r="I40" s="25"/>
    </row>
    <row r="41" spans="1:17" ht="30" customHeight="1" x14ac:dyDescent="0.15">
      <c r="A41" s="774" t="s">
        <v>159</v>
      </c>
      <c r="B41" s="200" t="s">
        <v>156</v>
      </c>
      <c r="C41" s="200" t="s">
        <v>156</v>
      </c>
      <c r="D41" s="722" t="s">
        <v>157</v>
      </c>
      <c r="E41" s="724"/>
      <c r="F41" s="788" t="s">
        <v>158</v>
      </c>
      <c r="G41" s="789"/>
      <c r="H41" s="788" t="s">
        <v>346</v>
      </c>
      <c r="I41" s="790"/>
    </row>
    <row r="42" spans="1:17" ht="15" customHeight="1" x14ac:dyDescent="0.2">
      <c r="A42" s="777"/>
      <c r="B42" s="800" t="s">
        <v>110</v>
      </c>
      <c r="C42" s="800" t="s">
        <v>111</v>
      </c>
      <c r="D42" s="302" t="s">
        <v>114</v>
      </c>
      <c r="E42" s="302" t="s">
        <v>114</v>
      </c>
      <c r="F42" s="302" t="s">
        <v>114</v>
      </c>
      <c r="G42" s="302" t="s">
        <v>114</v>
      </c>
      <c r="H42" s="784" t="s">
        <v>873</v>
      </c>
      <c r="I42" s="786" t="s">
        <v>874</v>
      </c>
    </row>
    <row r="43" spans="1:17" ht="15" customHeight="1" x14ac:dyDescent="0.2">
      <c r="A43" s="778"/>
      <c r="B43" s="776"/>
      <c r="C43" s="776"/>
      <c r="D43" s="307">
        <v>2016</v>
      </c>
      <c r="E43" s="306">
        <v>2015</v>
      </c>
      <c r="F43" s="307">
        <v>2016</v>
      </c>
      <c r="G43" s="306">
        <v>2015</v>
      </c>
      <c r="H43" s="785"/>
      <c r="I43" s="787"/>
    </row>
    <row r="44" spans="1:17" s="66" customFormat="1" ht="10.5" x14ac:dyDescent="0.2">
      <c r="A44" s="158" t="s">
        <v>133</v>
      </c>
      <c r="B44" s="426">
        <v>40860000</v>
      </c>
      <c r="C44" s="426">
        <v>43455000</v>
      </c>
      <c r="D44" s="426">
        <v>3838800</v>
      </c>
      <c r="E44" s="426">
        <v>679021.15</v>
      </c>
      <c r="F44" s="426">
        <v>1613057.7100000002</v>
      </c>
      <c r="G44" s="426">
        <v>205147.09</v>
      </c>
      <c r="H44" s="426">
        <v>0</v>
      </c>
      <c r="I44" s="506">
        <v>0</v>
      </c>
      <c r="J44" s="155"/>
    </row>
    <row r="45" spans="1:17" s="66" customFormat="1" ht="10.5" x14ac:dyDescent="0.2">
      <c r="A45" s="66" t="s">
        <v>279</v>
      </c>
      <c r="B45" s="421">
        <v>38760000</v>
      </c>
      <c r="C45" s="421">
        <v>38786200</v>
      </c>
      <c r="D45" s="421">
        <v>1600</v>
      </c>
      <c r="E45" s="421">
        <v>0</v>
      </c>
      <c r="F45" s="421">
        <v>800</v>
      </c>
      <c r="G45" s="421">
        <v>0</v>
      </c>
      <c r="H45" s="421">
        <v>0</v>
      </c>
      <c r="I45" s="422">
        <v>0</v>
      </c>
      <c r="J45" s="155"/>
    </row>
    <row r="46" spans="1:17" ht="10.5" x14ac:dyDescent="0.2">
      <c r="A46" s="26" t="s">
        <v>285</v>
      </c>
      <c r="B46" s="421">
        <v>38760000</v>
      </c>
      <c r="C46" s="421">
        <v>38786200</v>
      </c>
      <c r="D46" s="421">
        <v>1600</v>
      </c>
      <c r="E46" s="421">
        <v>0</v>
      </c>
      <c r="F46" s="421">
        <v>800</v>
      </c>
      <c r="G46" s="421">
        <v>0</v>
      </c>
      <c r="H46" s="421">
        <v>0</v>
      </c>
      <c r="I46" s="422">
        <v>0</v>
      </c>
    </row>
    <row r="47" spans="1:17" ht="10.5" x14ac:dyDescent="0.2">
      <c r="A47" s="26" t="s">
        <v>286</v>
      </c>
      <c r="B47" s="421">
        <v>0</v>
      </c>
      <c r="C47" s="421">
        <v>0</v>
      </c>
      <c r="D47" s="421">
        <v>0</v>
      </c>
      <c r="E47" s="421">
        <v>0</v>
      </c>
      <c r="F47" s="421">
        <v>0</v>
      </c>
      <c r="G47" s="421">
        <v>0</v>
      </c>
      <c r="H47" s="421">
        <v>0</v>
      </c>
      <c r="I47" s="422">
        <v>0</v>
      </c>
    </row>
    <row r="48" spans="1:17" s="66" customFormat="1" ht="10.5" x14ac:dyDescent="0.2">
      <c r="A48" s="290" t="s">
        <v>134</v>
      </c>
      <c r="B48" s="419">
        <v>2100000</v>
      </c>
      <c r="C48" s="419">
        <v>4668800</v>
      </c>
      <c r="D48" s="419">
        <v>3837200</v>
      </c>
      <c r="E48" s="419">
        <v>679021.15</v>
      </c>
      <c r="F48" s="419">
        <v>1612257.7100000002</v>
      </c>
      <c r="G48" s="419">
        <v>205147.09</v>
      </c>
      <c r="H48" s="419">
        <v>0</v>
      </c>
      <c r="I48" s="420">
        <v>0</v>
      </c>
      <c r="J48" s="155"/>
    </row>
    <row r="49" spans="1:17" ht="10.5" x14ac:dyDescent="0.2">
      <c r="A49" s="26" t="s">
        <v>200</v>
      </c>
      <c r="B49" s="421">
        <v>1726996</v>
      </c>
      <c r="C49" s="421">
        <v>4526996</v>
      </c>
      <c r="D49" s="421">
        <v>3741200</v>
      </c>
      <c r="E49" s="421">
        <v>679021.15</v>
      </c>
      <c r="F49" s="421">
        <v>1574593.8800000001</v>
      </c>
      <c r="G49" s="421">
        <v>205147.09</v>
      </c>
      <c r="H49" s="421">
        <v>0</v>
      </c>
      <c r="I49" s="422">
        <v>0</v>
      </c>
    </row>
    <row r="50" spans="1:17" ht="10.5" x14ac:dyDescent="0.2">
      <c r="A50" s="26" t="s">
        <v>287</v>
      </c>
      <c r="B50" s="421">
        <v>0</v>
      </c>
      <c r="C50" s="421">
        <v>171000</v>
      </c>
      <c r="D50" s="421">
        <v>161000</v>
      </c>
      <c r="E50" s="421">
        <v>0</v>
      </c>
      <c r="F50" s="421">
        <v>46610.14</v>
      </c>
      <c r="G50" s="421">
        <v>0</v>
      </c>
      <c r="H50" s="421">
        <v>0</v>
      </c>
      <c r="I50" s="422">
        <v>0</v>
      </c>
    </row>
    <row r="51" spans="1:17" ht="10.5" x14ac:dyDescent="0.15">
      <c r="A51" s="26" t="s">
        <v>288</v>
      </c>
      <c r="B51" s="524">
        <v>11400</v>
      </c>
      <c r="C51" s="421">
        <v>213800</v>
      </c>
      <c r="D51" s="421">
        <v>105400</v>
      </c>
      <c r="E51" s="421">
        <v>30000</v>
      </c>
      <c r="F51" s="421">
        <v>37688.769999999997</v>
      </c>
      <c r="G51" s="421">
        <v>1969.78</v>
      </c>
      <c r="H51" s="421">
        <v>0</v>
      </c>
      <c r="I51" s="422">
        <v>0</v>
      </c>
    </row>
    <row r="52" spans="1:17" ht="10.5" x14ac:dyDescent="0.15">
      <c r="A52" s="26" t="s">
        <v>289</v>
      </c>
      <c r="B52" s="516">
        <v>1715596</v>
      </c>
      <c r="C52" s="421">
        <v>4142196</v>
      </c>
      <c r="D52" s="421">
        <v>3474800</v>
      </c>
      <c r="E52" s="421">
        <v>649021.15</v>
      </c>
      <c r="F52" s="421">
        <v>1490294.9700000002</v>
      </c>
      <c r="G52" s="421">
        <v>203177.31</v>
      </c>
      <c r="H52" s="421">
        <v>0</v>
      </c>
      <c r="I52" s="422">
        <v>0</v>
      </c>
    </row>
    <row r="53" spans="1:17" ht="10.5" x14ac:dyDescent="0.2">
      <c r="A53" s="26" t="s">
        <v>201</v>
      </c>
      <c r="B53" s="503">
        <v>373004</v>
      </c>
      <c r="C53" s="421">
        <v>141804</v>
      </c>
      <c r="D53" s="421">
        <v>96000</v>
      </c>
      <c r="E53" s="421">
        <v>0</v>
      </c>
      <c r="F53" s="421">
        <v>37663.83</v>
      </c>
      <c r="G53" s="421">
        <v>0</v>
      </c>
      <c r="H53" s="421">
        <v>0</v>
      </c>
      <c r="I53" s="422">
        <v>0</v>
      </c>
    </row>
    <row r="54" spans="1:17" ht="10.5" x14ac:dyDescent="0.15">
      <c r="A54" s="26" t="s">
        <v>290</v>
      </c>
      <c r="B54" s="516">
        <v>0</v>
      </c>
      <c r="C54" s="421">
        <v>8772.24</v>
      </c>
      <c r="D54" s="421">
        <v>8772.24</v>
      </c>
      <c r="E54" s="421">
        <v>0</v>
      </c>
      <c r="F54" s="421">
        <v>8772.24</v>
      </c>
      <c r="G54" s="421">
        <v>0</v>
      </c>
      <c r="H54" s="421">
        <v>0</v>
      </c>
      <c r="I54" s="422">
        <v>0</v>
      </c>
    </row>
    <row r="55" spans="1:17" ht="10.5" x14ac:dyDescent="0.15">
      <c r="A55" s="26" t="s">
        <v>288</v>
      </c>
      <c r="B55" s="516">
        <v>30000</v>
      </c>
      <c r="C55" s="421">
        <v>37227.760000000002</v>
      </c>
      <c r="D55" s="421">
        <v>37227.760000000002</v>
      </c>
      <c r="E55" s="421">
        <v>0</v>
      </c>
      <c r="F55" s="421">
        <v>24410.45</v>
      </c>
      <c r="G55" s="421">
        <v>0</v>
      </c>
      <c r="H55" s="421">
        <v>0</v>
      </c>
      <c r="I55" s="422">
        <v>0</v>
      </c>
    </row>
    <row r="56" spans="1:17" ht="10.5" x14ac:dyDescent="0.15">
      <c r="A56" s="26" t="s">
        <v>289</v>
      </c>
      <c r="B56" s="516">
        <v>343004</v>
      </c>
      <c r="C56" s="421">
        <v>95804</v>
      </c>
      <c r="D56" s="421">
        <v>50000</v>
      </c>
      <c r="E56" s="421">
        <v>0</v>
      </c>
      <c r="F56" s="421">
        <v>4481.1400000000003</v>
      </c>
      <c r="G56" s="421">
        <v>0</v>
      </c>
      <c r="H56" s="421">
        <v>0</v>
      </c>
      <c r="I56" s="422">
        <v>0</v>
      </c>
    </row>
    <row r="57" spans="1:17" ht="10.5" x14ac:dyDescent="0.2">
      <c r="A57" s="26" t="s">
        <v>291</v>
      </c>
      <c r="B57" s="503">
        <v>0</v>
      </c>
      <c r="C57" s="421">
        <v>0</v>
      </c>
      <c r="D57" s="421">
        <v>0</v>
      </c>
      <c r="E57" s="421">
        <v>0</v>
      </c>
      <c r="F57" s="421">
        <v>0</v>
      </c>
      <c r="G57" s="421">
        <v>0</v>
      </c>
      <c r="H57" s="421">
        <v>0</v>
      </c>
      <c r="I57" s="422">
        <v>0</v>
      </c>
    </row>
    <row r="58" spans="1:17" ht="10.5" x14ac:dyDescent="0.15">
      <c r="A58" s="26" t="s">
        <v>228</v>
      </c>
      <c r="B58" s="516">
        <v>0</v>
      </c>
      <c r="C58" s="421">
        <v>0</v>
      </c>
      <c r="D58" s="421">
        <v>0</v>
      </c>
      <c r="E58" s="421">
        <v>0</v>
      </c>
      <c r="F58" s="421">
        <v>0</v>
      </c>
      <c r="G58" s="421">
        <v>0</v>
      </c>
      <c r="H58" s="421">
        <v>0</v>
      </c>
      <c r="I58" s="422">
        <v>0</v>
      </c>
    </row>
    <row r="59" spans="1:17" ht="10.5" x14ac:dyDescent="0.15">
      <c r="A59" s="26" t="s">
        <v>60</v>
      </c>
      <c r="B59" s="516">
        <v>0</v>
      </c>
      <c r="C59" s="421">
        <v>0</v>
      </c>
      <c r="D59" s="421">
        <v>0</v>
      </c>
      <c r="E59" s="421">
        <v>0</v>
      </c>
      <c r="F59" s="421">
        <v>0</v>
      </c>
      <c r="G59" s="421">
        <v>0</v>
      </c>
      <c r="H59" s="421">
        <v>0</v>
      </c>
      <c r="I59" s="422">
        <v>0</v>
      </c>
      <c r="Q59" s="669"/>
    </row>
    <row r="60" spans="1:17" s="66" customFormat="1" ht="15" customHeight="1" x14ac:dyDescent="0.2">
      <c r="A60" s="315" t="s">
        <v>545</v>
      </c>
      <c r="B60" s="517">
        <v>0</v>
      </c>
      <c r="C60" s="419">
        <v>0</v>
      </c>
      <c r="D60" s="419">
        <v>0</v>
      </c>
      <c r="E60" s="419">
        <v>0</v>
      </c>
      <c r="F60" s="419">
        <v>0</v>
      </c>
      <c r="G60" s="419">
        <v>0</v>
      </c>
      <c r="H60" s="419">
        <v>0</v>
      </c>
      <c r="I60" s="420">
        <v>0</v>
      </c>
      <c r="J60" s="155"/>
    </row>
    <row r="61" spans="1:17" s="66" customFormat="1" ht="15" customHeight="1" x14ac:dyDescent="0.2">
      <c r="A61" s="27" t="s">
        <v>739</v>
      </c>
      <c r="B61" s="361">
        <v>40860000</v>
      </c>
      <c r="C61" s="361">
        <v>43455000</v>
      </c>
      <c r="D61" s="361">
        <v>3838800</v>
      </c>
      <c r="E61" s="361">
        <v>679021.15</v>
      </c>
      <c r="F61" s="361">
        <v>1613057.7100000002</v>
      </c>
      <c r="G61" s="361">
        <v>205147.09</v>
      </c>
      <c r="H61" s="361">
        <v>0</v>
      </c>
      <c r="I61" s="362">
        <v>0</v>
      </c>
      <c r="J61" s="155"/>
    </row>
    <row r="62" spans="1:17" s="20" customFormat="1" ht="10.5" x14ac:dyDescent="0.2">
      <c r="A62" s="126"/>
      <c r="B62" s="520"/>
      <c r="C62" s="520">
        <v>0</v>
      </c>
      <c r="D62" s="520"/>
      <c r="E62" s="520"/>
      <c r="F62" s="521"/>
      <c r="G62" s="521"/>
      <c r="H62" s="521"/>
      <c r="I62" s="521"/>
      <c r="J62" s="217"/>
      <c r="Q62" s="696"/>
    </row>
    <row r="63" spans="1:17" s="66" customFormat="1" ht="15" customHeight="1" x14ac:dyDescent="0.2">
      <c r="A63" s="27" t="s">
        <v>546</v>
      </c>
      <c r="B63" s="361">
        <v>0</v>
      </c>
      <c r="C63" s="361">
        <v>61291276.519999996</v>
      </c>
      <c r="D63" s="361"/>
      <c r="E63" s="361"/>
      <c r="F63" s="361">
        <v>62273218.809999995</v>
      </c>
      <c r="G63" s="361">
        <v>32545306.949999999</v>
      </c>
      <c r="H63" s="361"/>
      <c r="I63" s="362"/>
      <c r="J63" s="155"/>
    </row>
    <row r="64" spans="1:17" ht="10.5" x14ac:dyDescent="0.2">
      <c r="A64" s="31"/>
      <c r="B64" s="28"/>
      <c r="C64" s="28"/>
      <c r="D64" s="28"/>
      <c r="E64" s="28"/>
      <c r="F64" s="217"/>
      <c r="G64" s="217"/>
      <c r="H64" s="217"/>
      <c r="I64" s="217"/>
      <c r="Q64" s="669"/>
    </row>
    <row r="65" spans="1:17" ht="12.75" customHeight="1" x14ac:dyDescent="0.15">
      <c r="A65" s="803" t="s">
        <v>547</v>
      </c>
      <c r="B65" s="791" t="s">
        <v>107</v>
      </c>
      <c r="C65" s="792"/>
      <c r="D65" s="791" t="s">
        <v>107</v>
      </c>
      <c r="E65" s="792"/>
      <c r="F65" s="786" t="s">
        <v>108</v>
      </c>
      <c r="G65" s="793"/>
      <c r="H65" s="793"/>
      <c r="I65" s="793"/>
      <c r="Q65" s="669"/>
    </row>
    <row r="66" spans="1:17" ht="10.5" x14ac:dyDescent="0.2">
      <c r="A66" s="795"/>
      <c r="B66" s="794" t="s">
        <v>110</v>
      </c>
      <c r="C66" s="795"/>
      <c r="D66" s="797" t="s">
        <v>111</v>
      </c>
      <c r="E66" s="777"/>
      <c r="F66" s="772" t="s">
        <v>114</v>
      </c>
      <c r="G66" s="774"/>
      <c r="H66" s="772" t="s">
        <v>114</v>
      </c>
      <c r="I66" s="773"/>
      <c r="Q66" s="669"/>
    </row>
    <row r="67" spans="1:17" ht="10.5" x14ac:dyDescent="0.2">
      <c r="A67" s="796"/>
      <c r="B67" s="787"/>
      <c r="C67" s="796"/>
      <c r="D67" s="798"/>
      <c r="E67" s="778"/>
      <c r="F67" s="794">
        <v>2016</v>
      </c>
      <c r="G67" s="795"/>
      <c r="H67" s="797">
        <v>2015</v>
      </c>
      <c r="I67" s="802"/>
      <c r="Q67" s="669"/>
    </row>
    <row r="68" spans="1:17" s="66" customFormat="1" ht="10.5" x14ac:dyDescent="0.2">
      <c r="A68" s="159" t="s">
        <v>135</v>
      </c>
      <c r="B68" s="705">
        <v>0</v>
      </c>
      <c r="C68" s="706"/>
      <c r="D68" s="705">
        <v>0</v>
      </c>
      <c r="E68" s="706"/>
      <c r="F68" s="823">
        <v>0</v>
      </c>
      <c r="G68" s="842"/>
      <c r="H68" s="823">
        <v>0</v>
      </c>
      <c r="I68" s="824"/>
      <c r="J68" s="155"/>
    </row>
    <row r="69" spans="1:17" s="66" customFormat="1" ht="10.5" x14ac:dyDescent="0.2">
      <c r="A69" s="159" t="s">
        <v>136</v>
      </c>
      <c r="B69" s="697">
        <v>0</v>
      </c>
      <c r="C69" s="698"/>
      <c r="D69" s="697">
        <v>0</v>
      </c>
      <c r="E69" s="698"/>
      <c r="F69" s="825">
        <v>0</v>
      </c>
      <c r="G69" s="831"/>
      <c r="H69" s="825">
        <v>0</v>
      </c>
      <c r="I69" s="826"/>
      <c r="J69" s="155"/>
    </row>
    <row r="70" spans="1:17" ht="10.5" x14ac:dyDescent="0.2">
      <c r="A70" s="118" t="s">
        <v>137</v>
      </c>
      <c r="B70" s="697"/>
      <c r="C70" s="698"/>
      <c r="D70" s="697">
        <v>0</v>
      </c>
      <c r="E70" s="698"/>
      <c r="F70" s="825"/>
      <c r="G70" s="831"/>
      <c r="H70" s="825">
        <v>0</v>
      </c>
      <c r="I70" s="826"/>
    </row>
    <row r="71" spans="1:17" ht="10.5" x14ac:dyDescent="0.2">
      <c r="A71" s="118" t="s">
        <v>138</v>
      </c>
      <c r="B71" s="697"/>
      <c r="C71" s="698"/>
      <c r="D71" s="697">
        <v>0</v>
      </c>
      <c r="E71" s="698"/>
      <c r="F71" s="825"/>
      <c r="G71" s="831"/>
      <c r="H71" s="825">
        <v>0</v>
      </c>
      <c r="I71" s="826"/>
    </row>
    <row r="72" spans="1:17" ht="10.5" x14ac:dyDescent="0.2">
      <c r="A72" s="118" t="s">
        <v>139</v>
      </c>
      <c r="B72" s="697"/>
      <c r="C72" s="698"/>
      <c r="D72" s="697">
        <v>0</v>
      </c>
      <c r="E72" s="698"/>
      <c r="F72" s="825"/>
      <c r="G72" s="831"/>
      <c r="H72" s="825">
        <v>0</v>
      </c>
      <c r="I72" s="826"/>
    </row>
    <row r="73" spans="1:17" s="66" customFormat="1" ht="10.5" x14ac:dyDescent="0.2">
      <c r="A73" s="159" t="s">
        <v>140</v>
      </c>
      <c r="B73" s="697">
        <v>0</v>
      </c>
      <c r="C73" s="698"/>
      <c r="D73" s="697">
        <v>0</v>
      </c>
      <c r="E73" s="698"/>
      <c r="F73" s="825">
        <v>0</v>
      </c>
      <c r="G73" s="831"/>
      <c r="H73" s="825">
        <v>0</v>
      </c>
      <c r="I73" s="826"/>
      <c r="J73" s="155"/>
    </row>
    <row r="74" spans="1:17" ht="10.5" x14ac:dyDescent="0.2">
      <c r="A74" s="118" t="s">
        <v>141</v>
      </c>
      <c r="B74" s="697"/>
      <c r="C74" s="698"/>
      <c r="D74" s="697">
        <v>0</v>
      </c>
      <c r="E74" s="698"/>
      <c r="F74" s="825"/>
      <c r="G74" s="831"/>
      <c r="H74" s="825"/>
      <c r="I74" s="826"/>
    </row>
    <row r="75" spans="1:17" ht="10.5" x14ac:dyDescent="0.2">
      <c r="A75" s="118" t="s">
        <v>142</v>
      </c>
      <c r="B75" s="697"/>
      <c r="C75" s="698"/>
      <c r="D75" s="697">
        <v>0</v>
      </c>
      <c r="E75" s="698"/>
      <c r="F75" s="825"/>
      <c r="G75" s="831"/>
      <c r="H75" s="825"/>
      <c r="I75" s="826"/>
    </row>
    <row r="76" spans="1:17" ht="10.5" x14ac:dyDescent="0.2">
      <c r="A76" s="120" t="s">
        <v>139</v>
      </c>
      <c r="B76" s="707"/>
      <c r="C76" s="708"/>
      <c r="D76" s="707">
        <v>0</v>
      </c>
      <c r="E76" s="708"/>
      <c r="F76" s="827"/>
      <c r="G76" s="837"/>
      <c r="H76" s="827"/>
      <c r="I76" s="828"/>
    </row>
    <row r="77" spans="1:17" ht="10.5" x14ac:dyDescent="0.2">
      <c r="A77" s="303"/>
      <c r="B77" s="303"/>
      <c r="C77" s="303"/>
      <c r="D77" s="191"/>
      <c r="E77" s="191"/>
      <c r="F77" s="191"/>
      <c r="G77" s="68"/>
      <c r="H77" s="68"/>
      <c r="I77" s="68"/>
    </row>
    <row r="78" spans="1:17" ht="15" customHeight="1" x14ac:dyDescent="0.2">
      <c r="A78" s="790" t="s">
        <v>143</v>
      </c>
      <c r="B78" s="790"/>
      <c r="C78" s="789"/>
      <c r="D78" s="788" t="s">
        <v>121</v>
      </c>
      <c r="E78" s="790"/>
      <c r="F78" s="790"/>
      <c r="G78" s="790"/>
      <c r="H78" s="790"/>
      <c r="I78" s="790"/>
    </row>
    <row r="79" spans="1:17" s="66" customFormat="1" ht="15" customHeight="1" x14ac:dyDescent="0.2">
      <c r="A79" s="838" t="s">
        <v>208</v>
      </c>
      <c r="B79" s="838"/>
      <c r="C79" s="839"/>
      <c r="D79" s="810"/>
      <c r="E79" s="811"/>
      <c r="F79" s="811"/>
      <c r="G79" s="811"/>
      <c r="H79" s="811"/>
      <c r="I79" s="811"/>
      <c r="J79" s="155"/>
    </row>
    <row r="80" spans="1:17" ht="10.5" x14ac:dyDescent="0.2">
      <c r="A80" s="305"/>
      <c r="B80" s="305"/>
      <c r="C80" s="305"/>
      <c r="D80" s="304"/>
      <c r="E80" s="304"/>
      <c r="F80" s="304"/>
      <c r="G80" s="74"/>
      <c r="H80" s="74"/>
      <c r="I80" s="74"/>
    </row>
    <row r="81" spans="1:10" ht="15" customHeight="1" x14ac:dyDescent="0.2">
      <c r="A81" s="793" t="s">
        <v>548</v>
      </c>
      <c r="B81" s="793"/>
      <c r="C81" s="803"/>
      <c r="D81" s="786" t="s">
        <v>207</v>
      </c>
      <c r="E81" s="793"/>
      <c r="F81" s="793"/>
      <c r="G81" s="793"/>
      <c r="H81" s="793"/>
      <c r="I81" s="793"/>
    </row>
    <row r="82" spans="1:10" ht="15.75" customHeight="1" x14ac:dyDescent="0.2">
      <c r="A82" s="809"/>
      <c r="B82" s="809"/>
      <c r="C82" s="796"/>
      <c r="D82" s="788">
        <v>2016</v>
      </c>
      <c r="E82" s="790"/>
      <c r="F82" s="789"/>
      <c r="G82" s="790">
        <v>2015</v>
      </c>
      <c r="H82" s="790"/>
      <c r="I82" s="790"/>
    </row>
    <row r="83" spans="1:10" s="66" customFormat="1" ht="10.5" x14ac:dyDescent="0.2">
      <c r="A83" s="812" t="s">
        <v>122</v>
      </c>
      <c r="B83" s="812"/>
      <c r="C83" s="813"/>
      <c r="D83" s="823">
        <v>0</v>
      </c>
      <c r="E83" s="824"/>
      <c r="F83" s="842"/>
      <c r="G83" s="823">
        <v>0</v>
      </c>
      <c r="H83" s="824"/>
      <c r="I83" s="824"/>
      <c r="J83" s="155"/>
    </row>
    <row r="84" spans="1:10" s="66" customFormat="1" ht="10.5" x14ac:dyDescent="0.2">
      <c r="A84" s="805" t="s">
        <v>123</v>
      </c>
      <c r="B84" s="805"/>
      <c r="C84" s="806"/>
      <c r="D84" s="825">
        <v>388351.63</v>
      </c>
      <c r="E84" s="826"/>
      <c r="F84" s="831"/>
      <c r="G84" s="825">
        <v>78267.649999999994</v>
      </c>
      <c r="H84" s="826"/>
      <c r="I84" s="826"/>
      <c r="J84" s="155"/>
    </row>
    <row r="85" spans="1:10" s="66" customFormat="1" ht="10.5" x14ac:dyDescent="0.2">
      <c r="A85" s="805" t="s">
        <v>124</v>
      </c>
      <c r="B85" s="805"/>
      <c r="C85" s="806"/>
      <c r="D85" s="825">
        <v>188258360.56999999</v>
      </c>
      <c r="E85" s="826"/>
      <c r="F85" s="831"/>
      <c r="G85" s="825">
        <v>77556284.829999998</v>
      </c>
      <c r="H85" s="826"/>
      <c r="I85" s="826"/>
      <c r="J85" s="155"/>
    </row>
    <row r="86" spans="1:10" s="66" customFormat="1" ht="10.5" x14ac:dyDescent="0.2">
      <c r="A86" s="807" t="s">
        <v>125</v>
      </c>
      <c r="B86" s="807"/>
      <c r="C86" s="808"/>
      <c r="D86" s="827">
        <v>0</v>
      </c>
      <c r="E86" s="828"/>
      <c r="F86" s="837"/>
      <c r="G86" s="827">
        <v>0</v>
      </c>
      <c r="H86" s="828"/>
      <c r="I86" s="828"/>
      <c r="J86" s="155"/>
    </row>
    <row r="87" spans="1:10" s="20" customFormat="1" ht="10.5" x14ac:dyDescent="0.2">
      <c r="A87" s="182"/>
      <c r="B87" s="182"/>
      <c r="C87" s="119"/>
      <c r="D87" s="804"/>
      <c r="E87" s="804"/>
      <c r="F87" s="303"/>
      <c r="G87" s="119"/>
      <c r="H87" s="74"/>
      <c r="I87" s="74"/>
      <c r="J87" s="217"/>
    </row>
    <row r="88" spans="1:10" ht="15" customHeight="1" x14ac:dyDescent="0.15">
      <c r="A88" s="774" t="s">
        <v>144</v>
      </c>
      <c r="B88" s="791" t="s">
        <v>107</v>
      </c>
      <c r="C88" s="792"/>
      <c r="D88" s="791" t="s">
        <v>107</v>
      </c>
      <c r="E88" s="792"/>
      <c r="F88" s="786" t="s">
        <v>108</v>
      </c>
      <c r="G88" s="793"/>
      <c r="H88" s="793"/>
      <c r="I88" s="793"/>
    </row>
    <row r="89" spans="1:10" ht="15" customHeight="1" x14ac:dyDescent="0.2">
      <c r="A89" s="777"/>
      <c r="B89" s="794" t="s">
        <v>110</v>
      </c>
      <c r="C89" s="795"/>
      <c r="D89" s="797" t="s">
        <v>111</v>
      </c>
      <c r="E89" s="777"/>
      <c r="F89" s="772" t="s">
        <v>114</v>
      </c>
      <c r="G89" s="774"/>
      <c r="H89" s="772" t="s">
        <v>114</v>
      </c>
      <c r="I89" s="773"/>
    </row>
    <row r="90" spans="1:10" ht="15" customHeight="1" x14ac:dyDescent="0.2">
      <c r="A90" s="778"/>
      <c r="B90" s="787"/>
      <c r="C90" s="796"/>
      <c r="D90" s="798"/>
      <c r="E90" s="778"/>
      <c r="F90" s="787">
        <v>2016</v>
      </c>
      <c r="G90" s="796"/>
      <c r="H90" s="798">
        <v>2015</v>
      </c>
      <c r="I90" s="799"/>
    </row>
    <row r="91" spans="1:10" s="66" customFormat="1" ht="10.5" x14ac:dyDescent="0.2">
      <c r="A91" s="155" t="s">
        <v>146</v>
      </c>
      <c r="B91" s="711">
        <v>40860000</v>
      </c>
      <c r="C91" s="712"/>
      <c r="D91" s="711">
        <v>75155496.719999999</v>
      </c>
      <c r="E91" s="712"/>
      <c r="F91" s="711">
        <v>34295496.719999999</v>
      </c>
      <c r="G91" s="712"/>
      <c r="H91" s="711">
        <v>19719678.140000001</v>
      </c>
      <c r="I91" s="744"/>
      <c r="J91" s="155"/>
    </row>
    <row r="92" spans="1:10" s="66" customFormat="1" ht="10.5" x14ac:dyDescent="0.2">
      <c r="A92" s="264" t="s">
        <v>177</v>
      </c>
      <c r="B92" s="697">
        <v>0</v>
      </c>
      <c r="C92" s="698"/>
      <c r="D92" s="697">
        <v>34295496.719999999</v>
      </c>
      <c r="E92" s="698"/>
      <c r="F92" s="697">
        <v>34295496.719999999</v>
      </c>
      <c r="G92" s="698"/>
      <c r="H92" s="697">
        <v>19719678.140000001</v>
      </c>
      <c r="I92" s="745"/>
      <c r="J92" s="155"/>
    </row>
    <row r="93" spans="1:10" ht="10.5" x14ac:dyDescent="0.2">
      <c r="A93" s="264" t="s">
        <v>145</v>
      </c>
      <c r="B93" s="697">
        <v>0</v>
      </c>
      <c r="C93" s="698"/>
      <c r="D93" s="697">
        <v>34295496.719999999</v>
      </c>
      <c r="E93" s="698"/>
      <c r="F93" s="697">
        <v>34295496.719999999</v>
      </c>
      <c r="G93" s="698"/>
      <c r="H93" s="697">
        <v>19719678.140000001</v>
      </c>
      <c r="I93" s="745"/>
    </row>
    <row r="94" spans="1:10" ht="10.5" x14ac:dyDescent="0.2">
      <c r="A94" s="264" t="s">
        <v>281</v>
      </c>
      <c r="B94" s="697">
        <v>0</v>
      </c>
      <c r="C94" s="698"/>
      <c r="D94" s="697">
        <v>29678033.98</v>
      </c>
      <c r="E94" s="698"/>
      <c r="F94" s="697">
        <v>29678033.98</v>
      </c>
      <c r="G94" s="698"/>
      <c r="H94" s="697">
        <v>15035680.5</v>
      </c>
      <c r="I94" s="745"/>
    </row>
    <row r="95" spans="1:10" ht="10.5" x14ac:dyDescent="0.2">
      <c r="A95" s="264" t="s">
        <v>128</v>
      </c>
      <c r="B95" s="697">
        <v>0</v>
      </c>
      <c r="C95" s="698"/>
      <c r="D95" s="697">
        <v>29678033.98</v>
      </c>
      <c r="E95" s="698"/>
      <c r="F95" s="697">
        <v>29678033.98</v>
      </c>
      <c r="G95" s="698"/>
      <c r="H95" s="697">
        <v>15035680.5</v>
      </c>
      <c r="I95" s="745"/>
    </row>
    <row r="96" spans="1:10" ht="10.5" x14ac:dyDescent="0.2">
      <c r="A96" s="264" t="s">
        <v>129</v>
      </c>
      <c r="B96" s="697">
        <v>0</v>
      </c>
      <c r="C96" s="698"/>
      <c r="D96" s="697">
        <v>0</v>
      </c>
      <c r="E96" s="698"/>
      <c r="F96" s="697"/>
      <c r="G96" s="698"/>
      <c r="H96" s="697">
        <v>0</v>
      </c>
      <c r="I96" s="745"/>
    </row>
    <row r="97" spans="1:10" ht="10.5" x14ac:dyDescent="0.2">
      <c r="A97" s="264" t="s">
        <v>130</v>
      </c>
      <c r="B97" s="697">
        <v>0</v>
      </c>
      <c r="C97" s="698"/>
      <c r="D97" s="697">
        <v>0</v>
      </c>
      <c r="E97" s="698"/>
      <c r="F97" s="697"/>
      <c r="G97" s="698"/>
      <c r="H97" s="697">
        <v>0</v>
      </c>
      <c r="I97" s="745"/>
    </row>
    <row r="98" spans="1:10" ht="10.5" x14ac:dyDescent="0.2">
      <c r="A98" s="264" t="s">
        <v>282</v>
      </c>
      <c r="B98" s="697">
        <v>0</v>
      </c>
      <c r="C98" s="698"/>
      <c r="D98" s="697">
        <v>4617462.74</v>
      </c>
      <c r="E98" s="698"/>
      <c r="F98" s="697">
        <v>4617462.74</v>
      </c>
      <c r="G98" s="698"/>
      <c r="H98" s="697">
        <v>4683997.6399999997</v>
      </c>
      <c r="I98" s="745"/>
    </row>
    <row r="99" spans="1:10" ht="10.5" x14ac:dyDescent="0.2">
      <c r="A99" s="264" t="s">
        <v>131</v>
      </c>
      <c r="B99" s="697">
        <v>0</v>
      </c>
      <c r="C99" s="698"/>
      <c r="D99" s="697">
        <v>4617462.74</v>
      </c>
      <c r="E99" s="698"/>
      <c r="F99" s="697">
        <v>4617462.74</v>
      </c>
      <c r="G99" s="698"/>
      <c r="H99" s="697">
        <v>4683997.6399999997</v>
      </c>
      <c r="I99" s="745"/>
    </row>
    <row r="100" spans="1:10" ht="10.5" x14ac:dyDescent="0.2">
      <c r="A100" s="264" t="s">
        <v>132</v>
      </c>
      <c r="B100" s="697">
        <v>0</v>
      </c>
      <c r="C100" s="698"/>
      <c r="D100" s="697">
        <v>0</v>
      </c>
      <c r="E100" s="698"/>
      <c r="F100" s="697">
        <v>0</v>
      </c>
      <c r="G100" s="698"/>
      <c r="H100" s="697">
        <v>0</v>
      </c>
      <c r="I100" s="745"/>
    </row>
    <row r="101" spans="1:10" ht="10.5" x14ac:dyDescent="0.2">
      <c r="A101" s="264" t="s">
        <v>738</v>
      </c>
      <c r="B101" s="697">
        <v>0</v>
      </c>
      <c r="C101" s="698"/>
      <c r="D101" s="697">
        <v>0</v>
      </c>
      <c r="E101" s="698"/>
      <c r="F101" s="697">
        <v>0</v>
      </c>
      <c r="G101" s="698"/>
      <c r="H101" s="697">
        <v>0</v>
      </c>
      <c r="I101" s="745"/>
    </row>
    <row r="102" spans="1:10" ht="10.5" x14ac:dyDescent="0.2">
      <c r="A102" s="264" t="s">
        <v>758</v>
      </c>
      <c r="B102" s="697">
        <v>0</v>
      </c>
      <c r="C102" s="698"/>
      <c r="D102" s="697">
        <v>0</v>
      </c>
      <c r="E102" s="698"/>
      <c r="F102" s="697">
        <v>0</v>
      </c>
      <c r="G102" s="698"/>
      <c r="H102" s="697">
        <v>0</v>
      </c>
      <c r="I102" s="745"/>
    </row>
    <row r="103" spans="1:10" ht="10.5" x14ac:dyDescent="0.2">
      <c r="A103" s="264" t="s">
        <v>759</v>
      </c>
      <c r="B103" s="697">
        <v>0</v>
      </c>
      <c r="C103" s="698"/>
      <c r="D103" s="697">
        <v>0</v>
      </c>
      <c r="E103" s="698"/>
      <c r="F103" s="697">
        <v>0</v>
      </c>
      <c r="G103" s="698"/>
      <c r="H103" s="697">
        <v>0</v>
      </c>
      <c r="I103" s="745"/>
    </row>
    <row r="104" spans="1:10" ht="10.5" x14ac:dyDescent="0.2">
      <c r="A104" s="264" t="s">
        <v>178</v>
      </c>
      <c r="B104" s="697">
        <v>0</v>
      </c>
      <c r="C104" s="698"/>
      <c r="D104" s="697">
        <v>0</v>
      </c>
      <c r="E104" s="698"/>
      <c r="F104" s="697">
        <v>0</v>
      </c>
      <c r="G104" s="698"/>
      <c r="H104" s="697">
        <v>0</v>
      </c>
      <c r="I104" s="745"/>
    </row>
    <row r="105" spans="1:10" ht="10.5" x14ac:dyDescent="0.2">
      <c r="A105" s="264" t="s">
        <v>185</v>
      </c>
      <c r="B105" s="697">
        <v>0</v>
      </c>
      <c r="C105" s="698"/>
      <c r="D105" s="697">
        <v>0</v>
      </c>
      <c r="E105" s="698"/>
      <c r="F105" s="697">
        <v>0</v>
      </c>
      <c r="G105" s="698"/>
      <c r="H105" s="697">
        <v>0</v>
      </c>
      <c r="I105" s="745"/>
    </row>
    <row r="106" spans="1:10" ht="10.5" x14ac:dyDescent="0.2">
      <c r="A106" s="264" t="s">
        <v>182</v>
      </c>
      <c r="B106" s="697">
        <v>40860000</v>
      </c>
      <c r="C106" s="698"/>
      <c r="D106" s="697">
        <v>40860000</v>
      </c>
      <c r="E106" s="698"/>
      <c r="F106" s="697">
        <v>0</v>
      </c>
      <c r="G106" s="698"/>
      <c r="H106" s="697">
        <v>0</v>
      </c>
      <c r="I106" s="745"/>
    </row>
    <row r="107" spans="1:10" s="66" customFormat="1" ht="10.5" x14ac:dyDescent="0.2">
      <c r="A107" s="66" t="s">
        <v>147</v>
      </c>
      <c r="B107" s="697">
        <v>0</v>
      </c>
      <c r="C107" s="698"/>
      <c r="D107" s="697">
        <v>0</v>
      </c>
      <c r="E107" s="698"/>
      <c r="F107" s="697">
        <v>0</v>
      </c>
      <c r="G107" s="698"/>
      <c r="H107" s="697">
        <v>0</v>
      </c>
      <c r="I107" s="745"/>
      <c r="J107" s="155"/>
    </row>
    <row r="108" spans="1:10" ht="10.5" x14ac:dyDescent="0.2">
      <c r="A108" s="122" t="s">
        <v>119</v>
      </c>
      <c r="B108" s="697">
        <v>0</v>
      </c>
      <c r="C108" s="698"/>
      <c r="D108" s="697">
        <v>0</v>
      </c>
      <c r="E108" s="698"/>
      <c r="F108" s="697"/>
      <c r="G108" s="698"/>
      <c r="H108" s="697">
        <v>0</v>
      </c>
      <c r="I108" s="745"/>
    </row>
    <row r="109" spans="1:10" ht="10.5" x14ac:dyDescent="0.2">
      <c r="A109" s="264" t="s">
        <v>227</v>
      </c>
      <c r="B109" s="697">
        <v>0</v>
      </c>
      <c r="C109" s="698"/>
      <c r="D109" s="697">
        <v>0</v>
      </c>
      <c r="E109" s="698"/>
      <c r="F109" s="697"/>
      <c r="G109" s="698"/>
      <c r="H109" s="697">
        <v>0</v>
      </c>
      <c r="I109" s="745"/>
    </row>
    <row r="110" spans="1:10" ht="10.5" x14ac:dyDescent="0.2">
      <c r="A110" s="122" t="s">
        <v>284</v>
      </c>
      <c r="B110" s="697">
        <v>0</v>
      </c>
      <c r="C110" s="698"/>
      <c r="D110" s="697">
        <v>0</v>
      </c>
      <c r="E110" s="698"/>
      <c r="F110" s="697"/>
      <c r="G110" s="698"/>
      <c r="H110" s="697">
        <v>0</v>
      </c>
      <c r="I110" s="745"/>
    </row>
    <row r="111" spans="1:10" s="152" customFormat="1" ht="10.5" x14ac:dyDescent="0.2">
      <c r="A111" s="66"/>
      <c r="B111" s="707"/>
      <c r="C111" s="708"/>
      <c r="D111" s="707"/>
      <c r="E111" s="708"/>
      <c r="F111" s="707"/>
      <c r="G111" s="708"/>
      <c r="H111" s="707"/>
      <c r="I111" s="746"/>
      <c r="J111" s="217"/>
    </row>
    <row r="112" spans="1:10" s="161" customFormat="1" ht="21.75" customHeight="1" x14ac:dyDescent="0.2">
      <c r="A112" s="162" t="s">
        <v>757</v>
      </c>
      <c r="B112" s="742">
        <v>40860000</v>
      </c>
      <c r="C112" s="750"/>
      <c r="D112" s="742">
        <v>75155496.719999999</v>
      </c>
      <c r="E112" s="750"/>
      <c r="F112" s="742">
        <v>34295496.719999999</v>
      </c>
      <c r="G112" s="750"/>
      <c r="H112" s="742">
        <v>19719678.140000001</v>
      </c>
      <c r="I112" s="743"/>
      <c r="J112" s="405"/>
    </row>
    <row r="113" spans="1:10" ht="10.5" x14ac:dyDescent="0.15">
      <c r="A113" s="196"/>
      <c r="B113" s="197"/>
      <c r="C113" s="197"/>
      <c r="D113" s="198"/>
      <c r="E113" s="198"/>
      <c r="F113" s="198"/>
      <c r="G113" s="199"/>
      <c r="H113" s="199"/>
      <c r="I113" s="199"/>
    </row>
    <row r="114" spans="1:10" ht="33" customHeight="1" x14ac:dyDescent="0.15">
      <c r="A114" s="192"/>
      <c r="B114" s="200" t="s">
        <v>156</v>
      </c>
      <c r="C114" s="200" t="s">
        <v>156</v>
      </c>
      <c r="D114" s="722" t="s">
        <v>157</v>
      </c>
      <c r="E114" s="724"/>
      <c r="F114" s="788" t="s">
        <v>158</v>
      </c>
      <c r="G114" s="789"/>
      <c r="H114" s="788" t="s">
        <v>346</v>
      </c>
      <c r="I114" s="790"/>
    </row>
    <row r="115" spans="1:10" ht="15" customHeight="1" x14ac:dyDescent="0.2">
      <c r="A115" s="194" t="s">
        <v>148</v>
      </c>
      <c r="B115" s="800" t="s">
        <v>110</v>
      </c>
      <c r="C115" s="800" t="s">
        <v>111</v>
      </c>
      <c r="D115" s="302" t="s">
        <v>114</v>
      </c>
      <c r="E115" s="302" t="s">
        <v>114</v>
      </c>
      <c r="F115" s="302" t="s">
        <v>114</v>
      </c>
      <c r="G115" s="302" t="s">
        <v>114</v>
      </c>
      <c r="H115" s="784" t="s">
        <v>873</v>
      </c>
      <c r="I115" s="786" t="s">
        <v>874</v>
      </c>
    </row>
    <row r="116" spans="1:10" ht="15" customHeight="1" x14ac:dyDescent="0.2">
      <c r="A116" s="193"/>
      <c r="B116" s="776"/>
      <c r="C116" s="776"/>
      <c r="D116" s="307">
        <v>2016</v>
      </c>
      <c r="E116" s="306">
        <v>2015</v>
      </c>
      <c r="F116" s="307">
        <v>2016</v>
      </c>
      <c r="G116" s="306">
        <v>2015</v>
      </c>
      <c r="H116" s="785"/>
      <c r="I116" s="787"/>
    </row>
    <row r="117" spans="1:10" s="66" customFormat="1" ht="12.75" customHeight="1" x14ac:dyDescent="0.2">
      <c r="A117" s="160" t="s">
        <v>149</v>
      </c>
      <c r="B117" s="522">
        <v>0</v>
      </c>
      <c r="C117" s="522">
        <v>0</v>
      </c>
      <c r="D117" s="522">
        <v>0</v>
      </c>
      <c r="E117" s="522">
        <v>0</v>
      </c>
      <c r="F117" s="522">
        <v>0</v>
      </c>
      <c r="G117" s="522">
        <v>0</v>
      </c>
      <c r="H117" s="522">
        <v>0</v>
      </c>
      <c r="I117" s="523">
        <v>0</v>
      </c>
      <c r="J117" s="155"/>
    </row>
    <row r="118" spans="1:10" ht="10.5" x14ac:dyDescent="0.2">
      <c r="A118" s="29" t="s">
        <v>203</v>
      </c>
      <c r="B118" s="421"/>
      <c r="C118" s="421"/>
      <c r="D118" s="421"/>
      <c r="E118" s="421"/>
      <c r="F118" s="421"/>
      <c r="G118" s="421"/>
      <c r="H118" s="421"/>
      <c r="I118" s="520"/>
    </row>
    <row r="119" spans="1:10" ht="10.5" x14ac:dyDescent="0.2">
      <c r="A119" s="30" t="s">
        <v>204</v>
      </c>
      <c r="B119" s="421"/>
      <c r="C119" s="421"/>
      <c r="D119" s="421"/>
      <c r="E119" s="421"/>
      <c r="F119" s="421"/>
      <c r="G119" s="421"/>
      <c r="H119" s="421"/>
      <c r="I119" s="520"/>
    </row>
    <row r="120" spans="1:10" s="66" customFormat="1" ht="21" x14ac:dyDescent="0.2">
      <c r="A120" s="400" t="s">
        <v>150</v>
      </c>
      <c r="B120" s="361">
        <v>0</v>
      </c>
      <c r="C120" s="361">
        <v>0</v>
      </c>
      <c r="D120" s="361">
        <v>0</v>
      </c>
      <c r="E120" s="361">
        <v>0</v>
      </c>
      <c r="F120" s="361">
        <v>0</v>
      </c>
      <c r="G120" s="361">
        <v>0</v>
      </c>
      <c r="H120" s="361">
        <v>0</v>
      </c>
      <c r="I120" s="362">
        <v>0</v>
      </c>
      <c r="J120" s="155"/>
    </row>
    <row r="121" spans="1:10" ht="14.25" customHeight="1" x14ac:dyDescent="0.2">
      <c r="A121" s="182" t="s">
        <v>846</v>
      </c>
      <c r="B121" s="154"/>
      <c r="C121" s="154"/>
      <c r="D121" s="154"/>
      <c r="E121" s="154"/>
      <c r="I121" s="292"/>
    </row>
    <row r="122" spans="1:10" s="20" customFormat="1" ht="11.25" customHeight="1" x14ac:dyDescent="0.2">
      <c r="A122" s="217"/>
      <c r="J122" s="217"/>
    </row>
    <row r="124" spans="1:10" s="264" customFormat="1" ht="11.25" customHeight="1" x14ac:dyDescent="0.2">
      <c r="J124" s="217"/>
    </row>
    <row r="125" spans="1:10" s="264" customFormat="1" ht="11.25" customHeight="1" x14ac:dyDescent="0.2">
      <c r="J125" s="217"/>
    </row>
    <row r="128" spans="1:10" ht="11.25" customHeight="1" x14ac:dyDescent="0.2">
      <c r="A128" s="264"/>
      <c r="B128" s="264"/>
      <c r="C128" s="264"/>
      <c r="D128" s="264"/>
      <c r="E128" s="264"/>
      <c r="F128" s="264"/>
      <c r="G128" s="264"/>
      <c r="H128" s="264"/>
      <c r="I128" s="264"/>
    </row>
    <row r="130" s="45" customFormat="1" ht="11.25" customHeight="1" x14ac:dyDescent="0.2"/>
    <row r="131" s="45" customFormat="1" ht="11.25" customHeight="1" x14ac:dyDescent="0.2"/>
    <row r="132" s="45" customFormat="1" ht="11.25" customHeight="1" x14ac:dyDescent="0.2"/>
    <row r="133" s="45" customFormat="1" ht="11.25" customHeight="1" x14ac:dyDescent="0.2"/>
    <row r="134" s="45" customFormat="1" ht="11.25" customHeight="1" x14ac:dyDescent="0.2"/>
    <row r="135" s="45" customFormat="1" ht="11.25" customHeight="1" x14ac:dyDescent="0.2"/>
    <row r="136" s="45" customFormat="1" ht="11.25" customHeight="1" x14ac:dyDescent="0.2"/>
  </sheetData>
  <dataConsolidate/>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49" orientation="portrait" r:id="rId1"/>
      <headerFooter alignWithMargins="0"/>
    </customSheetView>
    <customSheetView guid="{82EDB5A4-4824-4632-A540-7A52C92F04C7}" showPageBreaks="1" showGridLines="0" fitToPage="1" printArea="1" topLeftCell="A29">
      <selection activeCell="H21" sqref="H21:I21"/>
      <pageMargins left="0.19685039370078741" right="0.19685039370078741" top="0.59055118110236227" bottom="0.19685039370078741" header="0" footer="0"/>
      <printOptions horizontalCentered="1"/>
      <pageSetup paperSize="9" scale="49" orientation="portrait" r:id="rId2"/>
      <headerFooter alignWithMargins="0"/>
    </customSheetView>
    <customSheetView guid="{3AAF6A5F-F9AA-430B-9AD9-1261ECDF41B5}" showPageBreaks="1" showGridLines="0" fitToPage="1" printArea="1" topLeftCell="A39">
      <selection activeCell="G42" sqref="G42"/>
      <pageMargins left="0.19685039370078741" right="0.19685039370078741" top="0.59055118110236227" bottom="0.19685039370078741" header="0" footer="0"/>
      <printOptions horizontalCentered="1"/>
      <pageSetup paperSize="9" scale="49" orientation="portrait" r:id="rId3"/>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4"/>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5"/>
      <headerFooter alignWithMargins="0"/>
    </customSheetView>
    <customSheetView guid="{B4FED47C-EE37-4843-A570-282D4F8229D4}" showGridLines="0" fitToPage="1" topLeftCell="A25">
      <selection activeCell="A8" sqref="A8"/>
      <pageMargins left="0.19685039370078741" right="0.19685039370078741" top="0.59055118110236227" bottom="0.19685039370078741" header="0" footer="0"/>
      <printOptions horizontalCentered="1"/>
      <pageSetup paperSize="9" scale="49" orientation="portrait" r:id="rId6"/>
      <headerFooter alignWithMargins="0"/>
    </customSheetView>
    <customSheetView guid="{6DBFA32C-4AA4-4E1D-9A48-697377C64CC3}" showPageBreaks="1" showGridLines="0" fitToPage="1" printArea="1" topLeftCell="A4">
      <selection activeCell="H9" sqref="H9"/>
      <pageMargins left="0.19685039370078741" right="0.19685039370078741" top="0.59055118110236227" bottom="0.19685039370078741" header="0" footer="0"/>
      <printOptions horizontalCentered="1"/>
      <pageSetup paperSize="9" scale="49" orientation="portrait" r:id="rId7"/>
      <headerFooter alignWithMargins="0"/>
    </customSheetView>
    <customSheetView guid="{25EF1E0D-169B-4051-B414-7E1196FC05E4}" showPageBreaks="1" showGridLines="0" fitToPage="1" printArea="1">
      <selection activeCell="F29" sqref="F29:G29"/>
      <pageMargins left="0.19685039370078741" right="0.19685039370078741" top="0.59055118110236227" bottom="0.19685039370078741" header="0" footer="0"/>
      <printOptions horizontalCentered="1"/>
      <pageSetup paperSize="9" scale="49" orientation="portrait" r:id="rId8"/>
      <headerFooter alignWithMargins="0"/>
    </customSheetView>
  </customSheetViews>
  <mergeCells count="304">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 ref="A79:C79"/>
    <mergeCell ref="D79:I79"/>
    <mergeCell ref="A81:C82"/>
    <mergeCell ref="D81:I81"/>
    <mergeCell ref="D82:F82"/>
    <mergeCell ref="G82:I82"/>
    <mergeCell ref="A86:C86"/>
    <mergeCell ref="D86:F86"/>
    <mergeCell ref="G86:I86"/>
    <mergeCell ref="B75:C75"/>
    <mergeCell ref="D75:E75"/>
    <mergeCell ref="F75:G75"/>
    <mergeCell ref="H75:I75"/>
    <mergeCell ref="B76:C76"/>
    <mergeCell ref="D76:E76"/>
    <mergeCell ref="F76:G76"/>
    <mergeCell ref="H76:I76"/>
    <mergeCell ref="A78:C78"/>
    <mergeCell ref="D78:I78"/>
    <mergeCell ref="B72:C72"/>
    <mergeCell ref="D72:E72"/>
    <mergeCell ref="F72:G72"/>
    <mergeCell ref="H72:I72"/>
    <mergeCell ref="B73:C73"/>
    <mergeCell ref="D73:E73"/>
    <mergeCell ref="F73:G73"/>
    <mergeCell ref="H73:I73"/>
    <mergeCell ref="B74:C74"/>
    <mergeCell ref="D74:E74"/>
    <mergeCell ref="F74:G74"/>
    <mergeCell ref="H74:I74"/>
    <mergeCell ref="B69:C69"/>
    <mergeCell ref="D69:E69"/>
    <mergeCell ref="F69:G69"/>
    <mergeCell ref="H69:I69"/>
    <mergeCell ref="B70:C70"/>
    <mergeCell ref="D70:E70"/>
    <mergeCell ref="F70:G70"/>
    <mergeCell ref="H70:I70"/>
    <mergeCell ref="B71:C71"/>
    <mergeCell ref="D71:E71"/>
    <mergeCell ref="F71:G71"/>
    <mergeCell ref="H71:I71"/>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A65:A67"/>
    <mergeCell ref="H41:I41"/>
    <mergeCell ref="F41:G41"/>
    <mergeCell ref="D41:E41"/>
    <mergeCell ref="B37:C37"/>
    <mergeCell ref="D37:E37"/>
    <mergeCell ref="F37:G37"/>
    <mergeCell ref="H37:I37"/>
    <mergeCell ref="B38:C38"/>
    <mergeCell ref="D38:E38"/>
    <mergeCell ref="F38:G38"/>
    <mergeCell ref="A41:A43"/>
    <mergeCell ref="H67:I67"/>
    <mergeCell ref="F31:G31"/>
    <mergeCell ref="H31:I31"/>
    <mergeCell ref="B32:C32"/>
    <mergeCell ref="D32:E32"/>
    <mergeCell ref="F32:G32"/>
    <mergeCell ref="H32:I32"/>
    <mergeCell ref="F29:G29"/>
    <mergeCell ref="H29:I29"/>
    <mergeCell ref="B30:C30"/>
    <mergeCell ref="D30:E30"/>
    <mergeCell ref="F30:G30"/>
    <mergeCell ref="H30:I30"/>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B14:C14"/>
    <mergeCell ref="D13:E13"/>
    <mergeCell ref="F13:G13"/>
    <mergeCell ref="H13:I13"/>
    <mergeCell ref="D14:E14"/>
    <mergeCell ref="F14:G14"/>
    <mergeCell ref="H14:I14"/>
    <mergeCell ref="B15:C15"/>
    <mergeCell ref="D15:E15"/>
    <mergeCell ref="F15:G15"/>
    <mergeCell ref="H15:I15"/>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s>
  <phoneticPr fontId="1" type="noConversion"/>
  <printOptions horizontalCentered="1"/>
  <pageMargins left="0.19685039370078741" right="0.19685039370078741" top="0.59055118110236227" bottom="0.19685039370078741" header="0" footer="0"/>
  <pageSetup paperSize="9" scale="49" orientation="portrait" r:id="rId9"/>
  <headerFooter alignWithMargins="0"/>
  <drawing r:id="rId1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tabColor rgb="FF00B050"/>
    <pageSetUpPr fitToPage="1"/>
  </sheetPr>
  <dimension ref="A1:G84"/>
  <sheetViews>
    <sheetView showGridLines="0" zoomScaleNormal="100" workbookViewId="0"/>
  </sheetViews>
  <sheetFormatPr defaultRowHeight="11.25" customHeight="1" x14ac:dyDescent="0.2"/>
  <cols>
    <col min="1" max="1" width="65.140625" style="170" customWidth="1"/>
    <col min="2" max="2" width="19" style="170" bestFit="1" customWidth="1"/>
    <col min="3" max="3" width="14.140625" style="170" customWidth="1"/>
    <col min="4" max="4" width="19" style="170" bestFit="1" customWidth="1"/>
    <col min="5" max="5" width="19.5703125" style="170" customWidth="1"/>
    <col min="6" max="6" width="19" style="170" bestFit="1" customWidth="1"/>
    <col min="7" max="7" width="16.42578125" style="170" customWidth="1"/>
    <col min="8" max="16384" width="9.140625" style="170"/>
  </cols>
  <sheetData>
    <row r="1" spans="1:7" s="26" customFormat="1" ht="10.5" x14ac:dyDescent="0.2">
      <c r="A1" s="290"/>
      <c r="B1" s="290"/>
      <c r="C1" s="290"/>
      <c r="D1" s="290"/>
      <c r="E1" s="290"/>
      <c r="F1" s="290"/>
      <c r="G1" s="290"/>
    </row>
    <row r="2" spans="1:7" s="26" customFormat="1" ht="10.5" x14ac:dyDescent="0.2">
      <c r="D2" s="112"/>
      <c r="E2" s="112"/>
    </row>
    <row r="3" spans="1:7" s="45" customFormat="1" ht="10.5" x14ac:dyDescent="0.2">
      <c r="A3" s="713" t="s">
        <v>637</v>
      </c>
      <c r="B3" s="713"/>
      <c r="C3" s="713"/>
      <c r="D3" s="713"/>
      <c r="E3" s="713"/>
      <c r="F3" s="713"/>
      <c r="G3" s="713"/>
    </row>
    <row r="4" spans="1:7" s="45" customFormat="1" ht="10.5" x14ac:dyDescent="0.2">
      <c r="A4" s="713" t="s">
        <v>104</v>
      </c>
      <c r="B4" s="713"/>
      <c r="C4" s="713"/>
      <c r="D4" s="713"/>
      <c r="E4" s="713"/>
      <c r="F4" s="713"/>
      <c r="G4" s="713"/>
    </row>
    <row r="5" spans="1:7" s="45" customFormat="1" ht="10.5" x14ac:dyDescent="0.2">
      <c r="A5" s="713" t="s">
        <v>551</v>
      </c>
      <c r="B5" s="713"/>
      <c r="C5" s="713"/>
      <c r="D5" s="713"/>
      <c r="E5" s="713"/>
      <c r="F5" s="713"/>
      <c r="G5" s="713"/>
    </row>
    <row r="6" spans="1:7" s="45" customFormat="1" ht="10.5" x14ac:dyDescent="0.2">
      <c r="A6" s="713" t="s">
        <v>106</v>
      </c>
      <c r="B6" s="713"/>
      <c r="C6" s="713"/>
      <c r="D6" s="713"/>
      <c r="E6" s="713"/>
      <c r="F6" s="713"/>
      <c r="G6" s="713"/>
    </row>
    <row r="7" spans="1:7" s="45" customFormat="1" ht="10.5" x14ac:dyDescent="0.2">
      <c r="A7" s="713" t="s">
        <v>888</v>
      </c>
      <c r="B7" s="713"/>
      <c r="C7" s="713"/>
      <c r="D7" s="713"/>
      <c r="E7" s="713"/>
      <c r="F7" s="713"/>
      <c r="G7" s="713"/>
    </row>
    <row r="8" spans="1:7" s="26" customFormat="1" ht="10.5" x14ac:dyDescent="0.2">
      <c r="A8" s="46"/>
      <c r="B8" s="46"/>
      <c r="C8" s="46"/>
      <c r="D8" s="46"/>
      <c r="E8" s="46"/>
      <c r="F8" s="46"/>
      <c r="G8" s="46"/>
    </row>
    <row r="9" spans="1:7" s="26" customFormat="1" ht="10.5" x14ac:dyDescent="0.2">
      <c r="A9" s="26" t="s">
        <v>552</v>
      </c>
      <c r="D9" s="131"/>
      <c r="E9" s="112"/>
      <c r="G9" s="618">
        <v>1</v>
      </c>
    </row>
    <row r="10" spans="1:7" s="66" customFormat="1" ht="15" customHeight="1" x14ac:dyDescent="0.2">
      <c r="A10" s="774" t="s">
        <v>553</v>
      </c>
      <c r="B10" s="788" t="s">
        <v>160</v>
      </c>
      <c r="C10" s="790"/>
      <c r="D10" s="790"/>
      <c r="E10" s="790"/>
      <c r="F10" s="790"/>
      <c r="G10" s="790"/>
    </row>
    <row r="11" spans="1:7" s="66" customFormat="1" ht="15" customHeight="1" x14ac:dyDescent="0.2">
      <c r="A11" s="777"/>
      <c r="B11" s="772" t="s">
        <v>872</v>
      </c>
      <c r="C11" s="774"/>
      <c r="D11" s="716" t="s">
        <v>884</v>
      </c>
      <c r="E11" s="852"/>
      <c r="F11" s="716" t="s">
        <v>892</v>
      </c>
      <c r="G11" s="852"/>
    </row>
    <row r="12" spans="1:7" s="66" customFormat="1" ht="15" customHeight="1" x14ac:dyDescent="0.2">
      <c r="A12" s="778"/>
      <c r="B12" s="787" t="s">
        <v>115</v>
      </c>
      <c r="C12" s="796"/>
      <c r="D12" s="847" t="s">
        <v>116</v>
      </c>
      <c r="E12" s="730"/>
      <c r="F12" s="729" t="s">
        <v>151</v>
      </c>
      <c r="G12" s="847"/>
    </row>
    <row r="13" spans="1:7" s="66" customFormat="1" ht="10.5" x14ac:dyDescent="0.2">
      <c r="A13" s="155" t="s">
        <v>554</v>
      </c>
      <c r="B13" s="711">
        <v>8801324237.5200005</v>
      </c>
      <c r="C13" s="712"/>
      <c r="D13" s="711">
        <v>8719504457.3899994</v>
      </c>
      <c r="E13" s="712"/>
      <c r="F13" s="711">
        <v>8790297938.2700005</v>
      </c>
      <c r="G13" s="744"/>
    </row>
    <row r="14" spans="1:7" s="66" customFormat="1" ht="10.5" x14ac:dyDescent="0.2">
      <c r="A14" s="155" t="s">
        <v>183</v>
      </c>
      <c r="B14" s="709">
        <v>1380230957.5900002</v>
      </c>
      <c r="C14" s="710"/>
      <c r="D14" s="709">
        <v>1480551258.5799999</v>
      </c>
      <c r="E14" s="710"/>
      <c r="F14" s="709">
        <v>1700756427.8899999</v>
      </c>
      <c r="G14" s="734"/>
    </row>
    <row r="15" spans="1:7" ht="10.5" x14ac:dyDescent="0.2">
      <c r="A15" s="169" t="s">
        <v>555</v>
      </c>
      <c r="B15" s="697">
        <v>1415582358.1700001</v>
      </c>
      <c r="C15" s="698"/>
      <c r="D15" s="697">
        <v>1587309989.0999999</v>
      </c>
      <c r="E15" s="698"/>
      <c r="F15" s="697">
        <v>1799581237.5599999</v>
      </c>
      <c r="G15" s="745"/>
    </row>
    <row r="16" spans="1:7" ht="10.5" x14ac:dyDescent="0.2">
      <c r="A16" s="169" t="s">
        <v>556</v>
      </c>
      <c r="B16" s="697">
        <v>0</v>
      </c>
      <c r="C16" s="698"/>
      <c r="D16" s="697">
        <v>0</v>
      </c>
      <c r="E16" s="698"/>
      <c r="F16" s="697">
        <v>0</v>
      </c>
      <c r="G16" s="745"/>
    </row>
    <row r="17" spans="1:7" ht="10.5" x14ac:dyDescent="0.2">
      <c r="A17" s="169" t="s">
        <v>557</v>
      </c>
      <c r="B17" s="697">
        <v>35351400.579999998</v>
      </c>
      <c r="C17" s="698"/>
      <c r="D17" s="697">
        <v>106758730.52</v>
      </c>
      <c r="E17" s="698"/>
      <c r="F17" s="697">
        <v>98824809.670000002</v>
      </c>
      <c r="G17" s="745"/>
    </row>
    <row r="18" spans="1:7" s="66" customFormat="1" ht="10.5" x14ac:dyDescent="0.2">
      <c r="A18" s="155" t="s">
        <v>558</v>
      </c>
      <c r="B18" s="709">
        <v>7421093279.9300003</v>
      </c>
      <c r="C18" s="710"/>
      <c r="D18" s="709">
        <v>7238953198.8099995</v>
      </c>
      <c r="E18" s="710"/>
      <c r="F18" s="709">
        <v>7089541510.3800011</v>
      </c>
      <c r="G18" s="734"/>
    </row>
    <row r="19" spans="1:7" s="66" customFormat="1" ht="10.5" x14ac:dyDescent="0.2">
      <c r="A19" s="155" t="s">
        <v>559</v>
      </c>
      <c r="B19" s="709">
        <v>0</v>
      </c>
      <c r="C19" s="710"/>
      <c r="D19" s="709">
        <v>0</v>
      </c>
      <c r="E19" s="710"/>
      <c r="F19" s="709">
        <v>0</v>
      </c>
      <c r="G19" s="734"/>
    </row>
    <row r="20" spans="1:7" s="66" customFormat="1" ht="10.5" x14ac:dyDescent="0.2">
      <c r="A20" s="155" t="s">
        <v>560</v>
      </c>
      <c r="B20" s="701">
        <v>92809023.230000004</v>
      </c>
      <c r="C20" s="702"/>
      <c r="D20" s="701">
        <v>93051051.120000005</v>
      </c>
      <c r="E20" s="702"/>
      <c r="F20" s="701">
        <v>92786859.329999998</v>
      </c>
      <c r="G20" s="747"/>
    </row>
    <row r="21" spans="1:7" s="66" customFormat="1" ht="15" customHeight="1" x14ac:dyDescent="0.2">
      <c r="A21" s="114" t="s">
        <v>561</v>
      </c>
      <c r="B21" s="742">
        <v>7328284256.7000008</v>
      </c>
      <c r="C21" s="750"/>
      <c r="D21" s="742">
        <v>7145902147.6899996</v>
      </c>
      <c r="E21" s="750"/>
      <c r="F21" s="742">
        <v>6996754651.0500011</v>
      </c>
      <c r="G21" s="743"/>
    </row>
    <row r="22" spans="1:7" ht="10.5" x14ac:dyDescent="0.2">
      <c r="B22" s="45"/>
      <c r="C22" s="45"/>
      <c r="D22" s="45"/>
      <c r="E22" s="45"/>
      <c r="F22" s="45"/>
      <c r="G22" s="45"/>
    </row>
    <row r="23" spans="1:7" s="66" customFormat="1" ht="15" customHeight="1" x14ac:dyDescent="0.2">
      <c r="A23" s="109"/>
      <c r="B23" s="722" t="s">
        <v>207</v>
      </c>
      <c r="C23" s="723"/>
      <c r="D23" s="723"/>
      <c r="E23" s="723"/>
      <c r="F23" s="723"/>
      <c r="G23" s="723"/>
    </row>
    <row r="24" spans="1:7" s="66" customFormat="1" ht="15" customHeight="1" x14ac:dyDescent="0.2">
      <c r="A24" s="167" t="s">
        <v>562</v>
      </c>
      <c r="B24" s="164"/>
      <c r="C24" s="165" t="s">
        <v>112</v>
      </c>
      <c r="D24" s="166"/>
      <c r="E24" s="164"/>
      <c r="F24" s="165" t="s">
        <v>114</v>
      </c>
      <c r="G24" s="165"/>
    </row>
    <row r="25" spans="1:7" s="66" customFormat="1" ht="15" customHeight="1" x14ac:dyDescent="0.2">
      <c r="A25" s="49"/>
      <c r="B25" s="16"/>
      <c r="C25" s="402" t="s">
        <v>563</v>
      </c>
      <c r="D25" s="163"/>
      <c r="E25" s="16"/>
      <c r="F25" s="402" t="s">
        <v>564</v>
      </c>
      <c r="G25" s="181"/>
    </row>
    <row r="26" spans="1:7" s="66" customFormat="1" ht="15" customHeight="1" x14ac:dyDescent="0.2">
      <c r="A26" s="168" t="s">
        <v>208</v>
      </c>
      <c r="B26" s="843">
        <v>-149147496.63999844</v>
      </c>
      <c r="C26" s="844"/>
      <c r="D26" s="845"/>
      <c r="E26" s="843">
        <v>-331529605.64999962</v>
      </c>
      <c r="F26" s="844"/>
      <c r="G26" s="844"/>
    </row>
    <row r="27" spans="1:7" ht="10.5" x14ac:dyDescent="0.2">
      <c r="B27" s="45"/>
      <c r="C27" s="45"/>
      <c r="D27" s="56"/>
      <c r="E27" s="56"/>
      <c r="F27" s="45"/>
      <c r="G27" s="45"/>
    </row>
    <row r="28" spans="1:7" s="66" customFormat="1" ht="15" customHeight="1" x14ac:dyDescent="0.2">
      <c r="A28" s="773" t="s">
        <v>565</v>
      </c>
      <c r="B28" s="773"/>
      <c r="C28" s="773"/>
      <c r="D28" s="774"/>
      <c r="E28" s="786" t="s">
        <v>566</v>
      </c>
      <c r="F28" s="793"/>
      <c r="G28" s="793"/>
    </row>
    <row r="29" spans="1:7" s="66" customFormat="1" ht="15" customHeight="1" x14ac:dyDescent="0.2">
      <c r="A29" s="850" t="s">
        <v>755</v>
      </c>
      <c r="B29" s="850"/>
      <c r="C29" s="850"/>
      <c r="D29" s="851"/>
      <c r="E29" s="848">
        <v>-297236000</v>
      </c>
      <c r="F29" s="849"/>
      <c r="G29" s="849"/>
    </row>
    <row r="30" spans="1:7" ht="10.5" x14ac:dyDescent="0.2">
      <c r="A30" s="25"/>
      <c r="B30" s="25"/>
      <c r="C30" s="25"/>
      <c r="D30" s="25"/>
      <c r="E30" s="64"/>
      <c r="F30" s="64"/>
      <c r="G30" s="64"/>
    </row>
    <row r="31" spans="1:7" s="66" customFormat="1" ht="15" customHeight="1" x14ac:dyDescent="0.2">
      <c r="A31" s="723" t="s">
        <v>567</v>
      </c>
      <c r="B31" s="723"/>
      <c r="C31" s="723"/>
      <c r="D31" s="723"/>
      <c r="E31" s="723"/>
      <c r="F31" s="723"/>
      <c r="G31" s="723"/>
    </row>
    <row r="32" spans="1:7" s="66" customFormat="1" ht="15" customHeight="1" x14ac:dyDescent="0.2">
      <c r="A32" s="109"/>
      <c r="B32" s="788" t="s">
        <v>160</v>
      </c>
      <c r="C32" s="790"/>
      <c r="D32" s="790"/>
      <c r="E32" s="790"/>
      <c r="F32" s="790"/>
      <c r="G32" s="790"/>
    </row>
    <row r="33" spans="1:7" s="66" customFormat="1" ht="15" customHeight="1" x14ac:dyDescent="0.2">
      <c r="A33" s="167" t="s">
        <v>568</v>
      </c>
      <c r="B33" s="772" t="s">
        <v>872</v>
      </c>
      <c r="C33" s="774"/>
      <c r="D33" s="716" t="s">
        <v>884</v>
      </c>
      <c r="E33" s="737"/>
      <c r="F33" s="716" t="s">
        <v>892</v>
      </c>
      <c r="G33" s="846"/>
    </row>
    <row r="34" spans="1:7" s="66" customFormat="1" ht="15" customHeight="1" x14ac:dyDescent="0.2">
      <c r="A34" s="49"/>
      <c r="B34" s="787" t="s">
        <v>115</v>
      </c>
      <c r="C34" s="796"/>
      <c r="D34" s="847" t="s">
        <v>116</v>
      </c>
      <c r="E34" s="730"/>
      <c r="F34" s="729" t="s">
        <v>151</v>
      </c>
      <c r="G34" s="847"/>
    </row>
    <row r="35" spans="1:7" s="66" customFormat="1" ht="10.5" x14ac:dyDescent="0.2">
      <c r="A35" s="66" t="s">
        <v>569</v>
      </c>
      <c r="B35" s="711">
        <v>532039590.57999998</v>
      </c>
      <c r="C35" s="712"/>
      <c r="D35" s="711">
        <v>532039590.57999998</v>
      </c>
      <c r="E35" s="712"/>
      <c r="F35" s="711">
        <v>532039590.57999998</v>
      </c>
      <c r="G35" s="744"/>
    </row>
    <row r="36" spans="1:7" ht="10.5" x14ac:dyDescent="0.2">
      <c r="A36" s="170" t="s">
        <v>570</v>
      </c>
      <c r="B36" s="697">
        <v>532039590.57999998</v>
      </c>
      <c r="C36" s="698"/>
      <c r="D36" s="697">
        <v>532039590.57999998</v>
      </c>
      <c r="E36" s="698"/>
      <c r="F36" s="697">
        <v>532039590.57999998</v>
      </c>
      <c r="G36" s="745"/>
    </row>
    <row r="37" spans="1:7" ht="10.5" x14ac:dyDescent="0.2">
      <c r="A37" s="170" t="s">
        <v>571</v>
      </c>
      <c r="B37" s="697">
        <v>0</v>
      </c>
      <c r="C37" s="698"/>
      <c r="D37" s="697">
        <v>0</v>
      </c>
      <c r="E37" s="698"/>
      <c r="F37" s="697">
        <v>0</v>
      </c>
      <c r="G37" s="745"/>
    </row>
    <row r="38" spans="1:7" s="66" customFormat="1" ht="10.5" x14ac:dyDescent="0.2">
      <c r="A38" s="66" t="s">
        <v>572</v>
      </c>
      <c r="B38" s="709">
        <v>534821017.93999994</v>
      </c>
      <c r="C38" s="710"/>
      <c r="D38" s="709">
        <v>226573248.18000001</v>
      </c>
      <c r="E38" s="710"/>
      <c r="F38" s="709">
        <v>185474653.76000002</v>
      </c>
      <c r="G38" s="734"/>
    </row>
    <row r="39" spans="1:7" ht="10.5" x14ac:dyDescent="0.2">
      <c r="A39" s="170" t="s">
        <v>573</v>
      </c>
      <c r="B39" s="697">
        <v>2855447.07</v>
      </c>
      <c r="C39" s="698"/>
      <c r="D39" s="697">
        <v>1655708.34</v>
      </c>
      <c r="E39" s="698"/>
      <c r="F39" s="697">
        <v>567681.30000000005</v>
      </c>
      <c r="G39" s="745"/>
    </row>
    <row r="40" spans="1:7" ht="10.5" x14ac:dyDescent="0.2">
      <c r="A40" s="170" t="s">
        <v>574</v>
      </c>
      <c r="B40" s="697">
        <v>532035161.77999997</v>
      </c>
      <c r="C40" s="698"/>
      <c r="D40" s="697">
        <v>248439823.94</v>
      </c>
      <c r="E40" s="698"/>
      <c r="F40" s="697">
        <v>207582704.24000001</v>
      </c>
      <c r="G40" s="745"/>
    </row>
    <row r="41" spans="1:7" ht="10.5" x14ac:dyDescent="0.2">
      <c r="A41" s="170" t="s">
        <v>556</v>
      </c>
      <c r="B41" s="697">
        <v>0</v>
      </c>
      <c r="C41" s="698"/>
      <c r="D41" s="697">
        <v>0</v>
      </c>
      <c r="E41" s="698"/>
      <c r="F41" s="697">
        <v>0</v>
      </c>
      <c r="G41" s="745"/>
    </row>
    <row r="42" spans="1:7" ht="10.5" x14ac:dyDescent="0.2">
      <c r="A42" s="170" t="s">
        <v>575</v>
      </c>
      <c r="B42" s="697">
        <v>69590.91</v>
      </c>
      <c r="C42" s="698"/>
      <c r="D42" s="697">
        <v>23522284.100000001</v>
      </c>
      <c r="E42" s="698"/>
      <c r="F42" s="697">
        <v>22675731.780000001</v>
      </c>
      <c r="G42" s="745"/>
    </row>
    <row r="43" spans="1:7" s="66" customFormat="1" ht="12.75" customHeight="1" x14ac:dyDescent="0.2">
      <c r="A43" s="66" t="s">
        <v>576</v>
      </c>
      <c r="B43" s="709">
        <v>-2781427.3599999547</v>
      </c>
      <c r="C43" s="710"/>
      <c r="D43" s="709">
        <v>305466342.39999998</v>
      </c>
      <c r="E43" s="710"/>
      <c r="F43" s="709">
        <v>346564936.81999993</v>
      </c>
      <c r="G43" s="734"/>
    </row>
    <row r="44" spans="1:7" s="66" customFormat="1" ht="13.5" customHeight="1" x14ac:dyDescent="0.2">
      <c r="A44" s="66" t="s">
        <v>577</v>
      </c>
      <c r="B44" s="701"/>
      <c r="C44" s="702"/>
      <c r="D44" s="701"/>
      <c r="E44" s="702"/>
      <c r="F44" s="701"/>
      <c r="G44" s="747"/>
    </row>
    <row r="45" spans="1:7" s="66" customFormat="1" ht="15" customHeight="1" x14ac:dyDescent="0.2">
      <c r="A45" s="114" t="s">
        <v>578</v>
      </c>
      <c r="B45" s="742">
        <v>-2781427.3599999547</v>
      </c>
      <c r="C45" s="750"/>
      <c r="D45" s="742">
        <v>305466342.39999998</v>
      </c>
      <c r="E45" s="750"/>
      <c r="F45" s="742">
        <v>346564936.81999993</v>
      </c>
      <c r="G45" s="743"/>
    </row>
    <row r="46" spans="1:7" ht="12.75" customHeight="1" x14ac:dyDescent="0.2">
      <c r="A46" s="45" t="s">
        <v>846</v>
      </c>
      <c r="B46" s="74"/>
      <c r="C46" s="74"/>
      <c r="D46" s="74"/>
      <c r="E46" s="74"/>
      <c r="F46" s="74"/>
      <c r="G46" s="295"/>
    </row>
    <row r="47" spans="1:7" ht="11.25" customHeight="1" x14ac:dyDescent="0.2">
      <c r="A47" s="178"/>
    </row>
    <row r="50" spans="1:7" ht="11.25" customHeight="1" x14ac:dyDescent="0.2">
      <c r="A50" s="264"/>
      <c r="B50" s="264"/>
      <c r="C50" s="264"/>
      <c r="D50" s="264"/>
      <c r="E50" s="264"/>
      <c r="F50" s="264"/>
      <c r="G50" s="264"/>
    </row>
    <row r="54" spans="1:7" s="45" customFormat="1" ht="11.25" customHeight="1" x14ac:dyDescent="0.2"/>
    <row r="55" spans="1:7" s="45" customFormat="1" ht="11.25" customHeight="1" x14ac:dyDescent="0.2"/>
    <row r="56" spans="1:7" s="45" customFormat="1" ht="11.25" customHeight="1" x14ac:dyDescent="0.2"/>
    <row r="57" spans="1:7" s="45" customFormat="1" ht="11.25" customHeight="1" x14ac:dyDescent="0.2"/>
    <row r="58" spans="1:7" s="45" customFormat="1" ht="11.25" customHeight="1" x14ac:dyDescent="0.2"/>
    <row r="59" spans="1:7" s="45" customFormat="1" ht="11.25" customHeight="1" x14ac:dyDescent="0.2"/>
    <row r="60" spans="1:7" s="45" customFormat="1" ht="11.25" customHeight="1" x14ac:dyDescent="0.2"/>
    <row r="84" spans="1:1" ht="11.25" customHeight="1" x14ac:dyDescent="0.2">
      <c r="A84" s="170" t="s">
        <v>123</v>
      </c>
    </row>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58" orientation="portrait" r:id="rId1"/>
      <headerFooter alignWithMargins="0"/>
    </customSheetView>
    <customSheetView guid="{82EDB5A4-4824-4632-A540-7A52C92F04C7}" scale="90" showPageBreaks="1" showGridLines="0" fitToPage="1" printArea="1" topLeftCell="A7">
      <selection activeCell="E48" sqref="E48"/>
      <pageMargins left="0.19685039370078741" right="0.19685039370078741" top="0.59055118110236227" bottom="0.19685039370078741" header="0" footer="0"/>
      <printOptions horizontalCentered="1"/>
      <pageSetup paperSize="9" scale="78" orientation="landscape" r:id="rId2"/>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58" orientation="portrait" r:id="rId3"/>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4"/>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5"/>
      <headerFooter alignWithMargins="0"/>
    </customSheetView>
    <customSheetView guid="{B4FED47C-EE37-4843-A570-282D4F8229D4}" showGridLines="0" fitToPage="1" topLeftCell="A7">
      <selection activeCell="B27" sqref="B27"/>
      <pageMargins left="0.19685039370078741" right="0.19685039370078741" top="0.59055118110236227" bottom="0.19685039370078741" header="0" footer="0"/>
      <printOptions horizontalCentered="1"/>
      <pageSetup paperSize="9" scale="58" orientation="portrait" r:id="rId6"/>
      <headerFooter alignWithMargins="0"/>
    </customSheetView>
    <customSheetView guid="{6DBFA32C-4AA4-4E1D-9A48-697377C64CC3}" scale="90" showPageBreaks="1" showGridLines="0" printArea="1" topLeftCell="A4">
      <selection activeCell="E26" sqref="E26:G26"/>
      <pageMargins left="0.19685039370078741" right="0.19685039370078741" top="0.59055118110236227" bottom="0.19685039370078741" header="0" footer="0"/>
      <printOptions horizontalCentered="1"/>
      <pageSetup paperSize="9" scale="75" orientation="landscape" r:id="rId7"/>
      <headerFooter alignWithMargins="0"/>
    </customSheetView>
    <customSheetView guid="{25EF1E0D-169B-4051-B414-7E1196FC05E4}" showPageBreaks="1" showGridLines="0" fitToPage="1" printArea="1">
      <selection activeCell="H27" sqref="H27"/>
      <pageMargins left="0.19685039370078741" right="0.19685039370078741" top="0.59055118110236227" bottom="0.19685039370078741" header="0" footer="0"/>
      <printOptions horizontalCentered="1"/>
      <pageSetup paperSize="9" scale="58" orientation="portrait" r:id="rId8"/>
      <headerFooter alignWithMargins="0"/>
    </customSheetView>
  </customSheetViews>
  <mergeCells count="88">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 ref="A3:G3"/>
    <mergeCell ref="A4:G4"/>
    <mergeCell ref="A5:G5"/>
    <mergeCell ref="A6:G6"/>
    <mergeCell ref="A7:G7"/>
    <mergeCell ref="F15:G15"/>
    <mergeCell ref="B16:C16"/>
    <mergeCell ref="D16:E16"/>
    <mergeCell ref="F16:G16"/>
    <mergeCell ref="B21:C21"/>
    <mergeCell ref="D21:E21"/>
    <mergeCell ref="F21:G21"/>
    <mergeCell ref="B33:C33"/>
    <mergeCell ref="D33:E33"/>
    <mergeCell ref="F33:G33"/>
    <mergeCell ref="B34:C34"/>
    <mergeCell ref="D34:E34"/>
    <mergeCell ref="F34:G34"/>
    <mergeCell ref="B35:C35"/>
    <mergeCell ref="D35:E35"/>
    <mergeCell ref="F35:G35"/>
    <mergeCell ref="B36:C36"/>
    <mergeCell ref="D36:E36"/>
    <mergeCell ref="F36:G36"/>
    <mergeCell ref="B37:C37"/>
    <mergeCell ref="D37:E37"/>
    <mergeCell ref="F37:G37"/>
    <mergeCell ref="B38:C38"/>
    <mergeCell ref="D38:E38"/>
    <mergeCell ref="F38:G38"/>
    <mergeCell ref="F41:G41"/>
    <mergeCell ref="B42:C42"/>
    <mergeCell ref="D42:E42"/>
    <mergeCell ref="F42:G42"/>
    <mergeCell ref="B39:C39"/>
    <mergeCell ref="D39:E39"/>
    <mergeCell ref="F39:G39"/>
    <mergeCell ref="B40:C40"/>
    <mergeCell ref="D40:E40"/>
    <mergeCell ref="F40:G40"/>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s>
  <printOptions horizontalCentered="1"/>
  <pageMargins left="0.19685039370078741" right="0.19685039370078741" top="0.59055118110236227" bottom="0.19685039370078741" header="0" footer="0"/>
  <pageSetup paperSize="9" scale="59" orientation="portrait" r:id="rId9"/>
  <headerFooter alignWithMargins="0"/>
  <drawing r:id="rId1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tabColor rgb="FF00B050"/>
    <pageSetUpPr fitToPage="1"/>
  </sheetPr>
  <dimension ref="A1:H88"/>
  <sheetViews>
    <sheetView showGridLines="0" zoomScaleNormal="100" workbookViewId="0"/>
  </sheetViews>
  <sheetFormatPr defaultColWidth="9.140625" defaultRowHeight="11.25" customHeight="1" x14ac:dyDescent="0.2"/>
  <cols>
    <col min="1" max="1" width="59.28515625" style="19" customWidth="1"/>
    <col min="2" max="2" width="20.5703125" style="19" customWidth="1"/>
    <col min="3" max="3" width="20.28515625" style="216" customWidth="1"/>
    <col min="4" max="4" width="19.85546875" style="19" customWidth="1"/>
    <col min="5" max="5" width="20.140625" style="19" customWidth="1"/>
    <col min="6" max="6" width="19.5703125" style="19" bestFit="1" customWidth="1"/>
    <col min="7" max="8" width="16.7109375" style="19" customWidth="1"/>
    <col min="9" max="16384" width="9.140625" style="19"/>
  </cols>
  <sheetData>
    <row r="1" spans="1:8" s="46" customFormat="1" ht="11.25" customHeight="1" x14ac:dyDescent="0.2">
      <c r="A1" s="290"/>
      <c r="B1" s="290"/>
      <c r="C1" s="290"/>
      <c r="D1" s="290"/>
      <c r="E1" s="290"/>
      <c r="F1" s="290"/>
      <c r="G1" s="290"/>
      <c r="H1" s="290"/>
    </row>
    <row r="2" spans="1:8" s="46" customFormat="1" ht="11.25" customHeight="1" x14ac:dyDescent="0.2">
      <c r="A2" s="26"/>
      <c r="B2" s="26"/>
      <c r="C2" s="112"/>
      <c r="D2" s="26"/>
    </row>
    <row r="3" spans="1:8" s="206" customFormat="1" ht="11.25" customHeight="1" x14ac:dyDescent="0.2">
      <c r="A3" s="713" t="s">
        <v>637</v>
      </c>
      <c r="B3" s="713"/>
      <c r="C3" s="713"/>
      <c r="D3" s="713"/>
      <c r="E3" s="713"/>
      <c r="F3" s="713"/>
      <c r="G3" s="713"/>
      <c r="H3" s="713"/>
    </row>
    <row r="4" spans="1:8" s="206" customFormat="1" ht="11.25" customHeight="1" x14ac:dyDescent="0.2">
      <c r="A4" s="713" t="s">
        <v>104</v>
      </c>
      <c r="B4" s="713"/>
      <c r="C4" s="713"/>
      <c r="D4" s="713"/>
      <c r="E4" s="713"/>
      <c r="F4" s="713"/>
      <c r="G4" s="713"/>
      <c r="H4" s="713"/>
    </row>
    <row r="5" spans="1:8" s="206" customFormat="1" ht="11.25" customHeight="1" x14ac:dyDescent="0.2">
      <c r="A5" s="713" t="s">
        <v>579</v>
      </c>
      <c r="B5" s="713"/>
      <c r="C5" s="713"/>
      <c r="D5" s="713"/>
      <c r="E5" s="713"/>
      <c r="F5" s="713"/>
      <c r="G5" s="713"/>
      <c r="H5" s="713"/>
    </row>
    <row r="6" spans="1:8" s="206" customFormat="1" ht="11.25" customHeight="1" x14ac:dyDescent="0.2">
      <c r="A6" s="713" t="s">
        <v>106</v>
      </c>
      <c r="B6" s="713"/>
      <c r="C6" s="713"/>
      <c r="D6" s="713"/>
      <c r="E6" s="713"/>
      <c r="F6" s="713"/>
      <c r="G6" s="713"/>
      <c r="H6" s="713"/>
    </row>
    <row r="7" spans="1:8" s="206" customFormat="1" ht="11.25" customHeight="1" x14ac:dyDescent="0.2">
      <c r="A7" s="713" t="s">
        <v>888</v>
      </c>
      <c r="B7" s="713"/>
      <c r="C7" s="713"/>
      <c r="D7" s="713"/>
      <c r="E7" s="713"/>
      <c r="F7" s="713"/>
      <c r="G7" s="713"/>
      <c r="H7" s="713"/>
    </row>
    <row r="8" spans="1:8" s="46" customFormat="1" ht="11.25" customHeight="1" x14ac:dyDescent="0.2">
      <c r="A8" s="26"/>
      <c r="B8" s="299"/>
      <c r="C8" s="299"/>
      <c r="D8" s="26"/>
      <c r="E8" s="412"/>
      <c r="F8" s="412"/>
    </row>
    <row r="9" spans="1:8" s="46" customFormat="1" ht="11.25" customHeight="1" x14ac:dyDescent="0.2">
      <c r="A9" s="139" t="s">
        <v>580</v>
      </c>
      <c r="B9" s="327"/>
      <c r="C9" s="326"/>
      <c r="D9" s="448"/>
      <c r="E9" s="448"/>
      <c r="H9" s="225">
        <v>1</v>
      </c>
    </row>
    <row r="10" spans="1:8" s="211" customFormat="1" ht="16.5" customHeight="1" x14ac:dyDescent="0.2">
      <c r="A10" s="737" t="s">
        <v>581</v>
      </c>
      <c r="B10" s="772" t="s">
        <v>234</v>
      </c>
      <c r="C10" s="774"/>
      <c r="D10" s="788" t="s">
        <v>108</v>
      </c>
      <c r="E10" s="790"/>
      <c r="F10" s="790"/>
      <c r="G10" s="790"/>
      <c r="H10" s="790"/>
    </row>
    <row r="11" spans="1:8" s="211" customFormat="1" ht="18" customHeight="1" x14ac:dyDescent="0.2">
      <c r="A11" s="738"/>
      <c r="B11" s="797"/>
      <c r="C11" s="777"/>
      <c r="D11" s="772" t="s">
        <v>114</v>
      </c>
      <c r="E11" s="773"/>
      <c r="F11" s="775" t="s">
        <v>114</v>
      </c>
      <c r="G11" s="775"/>
      <c r="H11" s="772"/>
    </row>
    <row r="12" spans="1:8" s="211" customFormat="1" ht="18" customHeight="1" x14ac:dyDescent="0.2">
      <c r="A12" s="739"/>
      <c r="B12" s="798"/>
      <c r="C12" s="778"/>
      <c r="D12" s="787">
        <v>2016</v>
      </c>
      <c r="E12" s="809"/>
      <c r="F12" s="776">
        <v>2015</v>
      </c>
      <c r="G12" s="776"/>
      <c r="H12" s="798"/>
    </row>
    <row r="13" spans="1:8" s="211" customFormat="1" ht="11.25" customHeight="1" x14ac:dyDescent="0.2">
      <c r="A13" s="62" t="s">
        <v>582</v>
      </c>
      <c r="B13" s="711">
        <v>13080794753.66</v>
      </c>
      <c r="C13" s="712"/>
      <c r="D13" s="711">
        <v>5277968156.9400005</v>
      </c>
      <c r="E13" s="712"/>
      <c r="F13" s="711">
        <v>5686285009.8899994</v>
      </c>
      <c r="G13" s="744"/>
      <c r="H13" s="744"/>
    </row>
    <row r="14" spans="1:8" ht="11.25" customHeight="1" x14ac:dyDescent="0.2">
      <c r="A14" s="56" t="s">
        <v>583</v>
      </c>
      <c r="B14" s="697">
        <v>7816598300</v>
      </c>
      <c r="C14" s="698"/>
      <c r="D14" s="697">
        <v>2852992868.6200004</v>
      </c>
      <c r="E14" s="698"/>
      <c r="F14" s="697">
        <v>3549533596.3499994</v>
      </c>
      <c r="G14" s="745"/>
      <c r="H14" s="745"/>
    </row>
    <row r="15" spans="1:8" ht="11.25" customHeight="1" x14ac:dyDescent="0.2">
      <c r="A15" s="112" t="s">
        <v>415</v>
      </c>
      <c r="B15" s="697">
        <v>6500114200</v>
      </c>
      <c r="C15" s="698"/>
      <c r="D15" s="697">
        <v>2161428251.0799999</v>
      </c>
      <c r="E15" s="698"/>
      <c r="F15" s="697">
        <v>2900696095.3499999</v>
      </c>
      <c r="G15" s="745"/>
      <c r="H15" s="745"/>
    </row>
    <row r="16" spans="1:8" ht="11.25" customHeight="1" x14ac:dyDescent="0.2">
      <c r="A16" s="112" t="s">
        <v>416</v>
      </c>
      <c r="B16" s="697">
        <v>283860800</v>
      </c>
      <c r="C16" s="698"/>
      <c r="D16" s="697">
        <v>176562370.77999997</v>
      </c>
      <c r="E16" s="698"/>
      <c r="F16" s="697">
        <v>254188953.46000001</v>
      </c>
      <c r="G16" s="745"/>
      <c r="H16" s="745"/>
    </row>
    <row r="17" spans="1:8" ht="11.25" customHeight="1" x14ac:dyDescent="0.2">
      <c r="A17" s="112" t="s">
        <v>417</v>
      </c>
      <c r="B17" s="697">
        <v>91749100</v>
      </c>
      <c r="C17" s="698"/>
      <c r="D17" s="853">
        <v>70471928.830000013</v>
      </c>
      <c r="E17" s="854"/>
      <c r="F17" s="697">
        <v>35007694.219999999</v>
      </c>
      <c r="G17" s="745"/>
      <c r="H17" s="745"/>
    </row>
    <row r="18" spans="1:8" ht="11.25" customHeight="1" x14ac:dyDescent="0.2">
      <c r="A18" s="112" t="s">
        <v>414</v>
      </c>
      <c r="B18" s="697">
        <v>588500000</v>
      </c>
      <c r="C18" s="698"/>
      <c r="D18" s="697">
        <v>319403619.18000001</v>
      </c>
      <c r="E18" s="698"/>
      <c r="F18" s="697">
        <v>241720242.22</v>
      </c>
      <c r="G18" s="745"/>
      <c r="H18" s="745"/>
    </row>
    <row r="19" spans="1:8" ht="11.25" customHeight="1" x14ac:dyDescent="0.2">
      <c r="A19" s="113" t="s">
        <v>418</v>
      </c>
      <c r="B19" s="697">
        <v>352374200</v>
      </c>
      <c r="C19" s="698"/>
      <c r="D19" s="697">
        <v>125126698.75000095</v>
      </c>
      <c r="E19" s="698"/>
      <c r="F19" s="697">
        <v>117920611.09999999</v>
      </c>
      <c r="G19" s="745"/>
      <c r="H19" s="745"/>
    </row>
    <row r="20" spans="1:8" ht="11.25" customHeight="1" x14ac:dyDescent="0.2">
      <c r="A20" s="56" t="s">
        <v>584</v>
      </c>
      <c r="B20" s="697">
        <v>1449054000</v>
      </c>
      <c r="C20" s="698"/>
      <c r="D20" s="697">
        <v>504545089.91999996</v>
      </c>
      <c r="E20" s="698"/>
      <c r="F20" s="697">
        <v>519597147.27999997</v>
      </c>
      <c r="G20" s="745"/>
      <c r="H20" s="745"/>
    </row>
    <row r="21" spans="1:8" ht="11.25" customHeight="1" x14ac:dyDescent="0.2">
      <c r="A21" s="56" t="s">
        <v>585</v>
      </c>
      <c r="B21" s="697">
        <v>1449054000</v>
      </c>
      <c r="C21" s="698"/>
      <c r="D21" s="697">
        <v>504545089.91999996</v>
      </c>
      <c r="E21" s="698"/>
      <c r="F21" s="697">
        <v>519597147.27999997</v>
      </c>
      <c r="G21" s="745"/>
      <c r="H21" s="745"/>
    </row>
    <row r="22" spans="1:8" ht="11.25" customHeight="1" x14ac:dyDescent="0.2">
      <c r="A22" s="56" t="s">
        <v>154</v>
      </c>
      <c r="B22" s="697">
        <v>0</v>
      </c>
      <c r="C22" s="698"/>
      <c r="D22" s="697">
        <v>0</v>
      </c>
      <c r="E22" s="698"/>
      <c r="F22" s="697">
        <v>0</v>
      </c>
      <c r="G22" s="745"/>
      <c r="H22" s="745"/>
    </row>
    <row r="23" spans="1:8" ht="11.25" customHeight="1" x14ac:dyDescent="0.2">
      <c r="A23" s="56" t="s">
        <v>586</v>
      </c>
      <c r="B23" s="697">
        <v>100052828.69999999</v>
      </c>
      <c r="C23" s="698"/>
      <c r="D23" s="697">
        <v>30375455.479999989</v>
      </c>
      <c r="E23" s="698"/>
      <c r="F23" s="697">
        <v>4164973.6899999976</v>
      </c>
      <c r="G23" s="745"/>
      <c r="H23" s="745"/>
    </row>
    <row r="24" spans="1:8" ht="11.25" customHeight="1" x14ac:dyDescent="0.2">
      <c r="A24" s="56" t="s">
        <v>310</v>
      </c>
      <c r="B24" s="697">
        <v>185042328.69999999</v>
      </c>
      <c r="C24" s="698"/>
      <c r="D24" s="697">
        <v>146346012.00999999</v>
      </c>
      <c r="E24" s="698"/>
      <c r="F24" s="697">
        <v>47340626</v>
      </c>
      <c r="G24" s="745"/>
      <c r="H24" s="745"/>
    </row>
    <row r="25" spans="1:8" ht="11.25" customHeight="1" x14ac:dyDescent="0.2">
      <c r="A25" s="56" t="s">
        <v>587</v>
      </c>
      <c r="B25" s="697">
        <v>84989500</v>
      </c>
      <c r="C25" s="698"/>
      <c r="D25" s="697">
        <v>115970556.53</v>
      </c>
      <c r="E25" s="698"/>
      <c r="F25" s="697">
        <v>43175652.310000002</v>
      </c>
      <c r="G25" s="745"/>
      <c r="H25" s="745"/>
    </row>
    <row r="26" spans="1:8" ht="11.25" customHeight="1" x14ac:dyDescent="0.2">
      <c r="A26" s="56" t="s">
        <v>181</v>
      </c>
      <c r="B26" s="697">
        <v>2843659400</v>
      </c>
      <c r="C26" s="698"/>
      <c r="D26" s="697">
        <v>1401965336.7399998</v>
      </c>
      <c r="E26" s="698"/>
      <c r="F26" s="697">
        <v>1193466448.1600001</v>
      </c>
      <c r="G26" s="745"/>
      <c r="H26" s="745"/>
    </row>
    <row r="27" spans="1:8" ht="11.25" customHeight="1" x14ac:dyDescent="0.2">
      <c r="A27" s="63" t="s">
        <v>795</v>
      </c>
      <c r="B27" s="697">
        <v>931280000</v>
      </c>
      <c r="C27" s="698"/>
      <c r="D27" s="697">
        <v>441931824.89999998</v>
      </c>
      <c r="E27" s="698"/>
      <c r="F27" s="697">
        <v>448142280.06999999</v>
      </c>
      <c r="G27" s="745"/>
      <c r="H27" s="745"/>
    </row>
    <row r="28" spans="1:8" ht="11.25" customHeight="1" x14ac:dyDescent="0.2">
      <c r="A28" s="56" t="s">
        <v>588</v>
      </c>
      <c r="B28" s="697">
        <v>163651700</v>
      </c>
      <c r="C28" s="698"/>
      <c r="D28" s="697">
        <v>11172144.060000001</v>
      </c>
      <c r="E28" s="698"/>
      <c r="F28" s="697">
        <v>10676333.48</v>
      </c>
      <c r="G28" s="745"/>
      <c r="H28" s="745"/>
    </row>
    <row r="29" spans="1:8" ht="11.25" customHeight="1" x14ac:dyDescent="0.2">
      <c r="A29" s="56" t="s">
        <v>589</v>
      </c>
      <c r="B29" s="697">
        <v>1748727700</v>
      </c>
      <c r="C29" s="698"/>
      <c r="D29" s="697">
        <v>948861367.77999985</v>
      </c>
      <c r="E29" s="698"/>
      <c r="F29" s="697">
        <v>734647834.61000001</v>
      </c>
      <c r="G29" s="745"/>
      <c r="H29" s="745"/>
    </row>
    <row r="30" spans="1:8" ht="11.25" customHeight="1" x14ac:dyDescent="0.2">
      <c r="A30" s="56" t="s">
        <v>590</v>
      </c>
      <c r="B30" s="697">
        <v>871430224.96000004</v>
      </c>
      <c r="C30" s="698"/>
      <c r="D30" s="697">
        <v>488089406.17999995</v>
      </c>
      <c r="E30" s="698"/>
      <c r="F30" s="697">
        <v>419522844.40999997</v>
      </c>
      <c r="G30" s="745"/>
      <c r="H30" s="745"/>
    </row>
    <row r="31" spans="1:8" ht="11.25" customHeight="1" x14ac:dyDescent="0.2">
      <c r="A31" s="56" t="s">
        <v>591</v>
      </c>
      <c r="B31" s="697">
        <v>18075800</v>
      </c>
      <c r="C31" s="698"/>
      <c r="D31" s="697">
        <v>5671646.3499999996</v>
      </c>
      <c r="E31" s="698"/>
      <c r="F31" s="697">
        <v>6359920.0700000003</v>
      </c>
      <c r="G31" s="745"/>
      <c r="H31" s="745"/>
    </row>
    <row r="32" spans="1:8" ht="11.25" customHeight="1" x14ac:dyDescent="0.2">
      <c r="A32" s="56" t="s">
        <v>592</v>
      </c>
      <c r="B32" s="697">
        <v>853354424.96000004</v>
      </c>
      <c r="C32" s="698"/>
      <c r="D32" s="697">
        <v>482417759.82999992</v>
      </c>
      <c r="E32" s="698"/>
      <c r="F32" s="697">
        <v>413162924.33999997</v>
      </c>
      <c r="G32" s="745"/>
      <c r="H32" s="745"/>
    </row>
    <row r="33" spans="1:8" s="211" customFormat="1" ht="11.25" customHeight="1" x14ac:dyDescent="0.2">
      <c r="A33" s="62" t="s">
        <v>593</v>
      </c>
      <c r="B33" s="709">
        <v>908672239.5</v>
      </c>
      <c r="C33" s="710"/>
      <c r="D33" s="709">
        <v>293250577.87</v>
      </c>
      <c r="E33" s="710"/>
      <c r="F33" s="709">
        <v>262685140.95000002</v>
      </c>
      <c r="G33" s="734"/>
      <c r="H33" s="734"/>
    </row>
    <row r="34" spans="1:8" ht="11.25" customHeight="1" x14ac:dyDescent="0.2">
      <c r="A34" s="56" t="s">
        <v>594</v>
      </c>
      <c r="B34" s="697">
        <v>16304000</v>
      </c>
      <c r="C34" s="698"/>
      <c r="D34" s="697">
        <v>1675351.17</v>
      </c>
      <c r="E34" s="698"/>
      <c r="F34" s="697">
        <v>8098849.0199999996</v>
      </c>
      <c r="G34" s="745"/>
      <c r="H34" s="745"/>
    </row>
    <row r="35" spans="1:8" ht="11.25" customHeight="1" x14ac:dyDescent="0.2">
      <c r="A35" s="56" t="s">
        <v>595</v>
      </c>
      <c r="B35" s="697">
        <v>2430000</v>
      </c>
      <c r="C35" s="698"/>
      <c r="D35" s="697">
        <v>2158625.7599999998</v>
      </c>
      <c r="E35" s="698"/>
      <c r="F35" s="697">
        <v>1068382.79</v>
      </c>
      <c r="G35" s="745"/>
      <c r="H35" s="745"/>
    </row>
    <row r="36" spans="1:8" s="211" customFormat="1" ht="11.25" customHeight="1" x14ac:dyDescent="0.2">
      <c r="A36" s="56" t="s">
        <v>852</v>
      </c>
      <c r="B36" s="697">
        <v>8513000</v>
      </c>
      <c r="C36" s="698"/>
      <c r="D36" s="697">
        <v>326328.34000000003</v>
      </c>
      <c r="E36" s="698"/>
      <c r="F36" s="697">
        <v>345024.35</v>
      </c>
      <c r="G36" s="745"/>
      <c r="H36" s="745"/>
    </row>
    <row r="37" spans="1:8" ht="11.25" customHeight="1" x14ac:dyDescent="0.2">
      <c r="A37" s="56" t="s">
        <v>596</v>
      </c>
      <c r="B37" s="697">
        <v>881412900</v>
      </c>
      <c r="C37" s="698"/>
      <c r="D37" s="697">
        <v>289077933.10000002</v>
      </c>
      <c r="E37" s="698"/>
      <c r="F37" s="697">
        <v>253172884.79000002</v>
      </c>
      <c r="G37" s="745"/>
      <c r="H37" s="745"/>
    </row>
    <row r="38" spans="1:8" ht="11.25" customHeight="1" x14ac:dyDescent="0.2">
      <c r="A38" s="56" t="s">
        <v>588</v>
      </c>
      <c r="B38" s="697">
        <v>313151800</v>
      </c>
      <c r="C38" s="698"/>
      <c r="D38" s="697">
        <v>33878967.340000004</v>
      </c>
      <c r="E38" s="698"/>
      <c r="F38" s="697">
        <v>27953139.390000001</v>
      </c>
      <c r="G38" s="745"/>
      <c r="H38" s="745"/>
    </row>
    <row r="39" spans="1:8" ht="11.25" customHeight="1" x14ac:dyDescent="0.2">
      <c r="A39" s="56" t="s">
        <v>597</v>
      </c>
      <c r="B39" s="697">
        <v>568261100</v>
      </c>
      <c r="C39" s="698"/>
      <c r="D39" s="697">
        <v>255198965.76000002</v>
      </c>
      <c r="E39" s="698"/>
      <c r="F39" s="697">
        <v>225219745.40000001</v>
      </c>
      <c r="G39" s="745"/>
      <c r="H39" s="745"/>
    </row>
    <row r="40" spans="1:8" ht="11.25" customHeight="1" x14ac:dyDescent="0.2">
      <c r="A40" s="56" t="s">
        <v>202</v>
      </c>
      <c r="B40" s="697">
        <v>12339.5</v>
      </c>
      <c r="C40" s="698"/>
      <c r="D40" s="697">
        <v>12339.5</v>
      </c>
      <c r="E40" s="698"/>
      <c r="F40" s="697">
        <v>0</v>
      </c>
      <c r="G40" s="745"/>
      <c r="H40" s="745"/>
    </row>
    <row r="41" spans="1:8" s="211" customFormat="1" ht="11.25" customHeight="1" x14ac:dyDescent="0.2">
      <c r="A41" s="62" t="s">
        <v>598</v>
      </c>
      <c r="B41" s="701">
        <v>881425239.5</v>
      </c>
      <c r="C41" s="702"/>
      <c r="D41" s="701">
        <v>289090272.60000002</v>
      </c>
      <c r="E41" s="702"/>
      <c r="F41" s="701">
        <v>253172884.79000002</v>
      </c>
      <c r="G41" s="747"/>
      <c r="H41" s="747"/>
    </row>
    <row r="42" spans="1:8" s="211" customFormat="1" ht="15" customHeight="1" x14ac:dyDescent="0.2">
      <c r="A42" s="223" t="s">
        <v>599</v>
      </c>
      <c r="B42" s="742">
        <v>13962219993.16</v>
      </c>
      <c r="C42" s="750"/>
      <c r="D42" s="742">
        <v>5567058429.5400009</v>
      </c>
      <c r="E42" s="750"/>
      <c r="F42" s="742">
        <v>5939457894.6799994</v>
      </c>
      <c r="G42" s="743"/>
      <c r="H42" s="743"/>
    </row>
    <row r="43" spans="1:8" ht="5.0999999999999996" customHeight="1" x14ac:dyDescent="0.2">
      <c r="A43" s="64"/>
      <c r="B43" s="436"/>
      <c r="C43" s="217"/>
      <c r="D43" s="217"/>
    </row>
    <row r="44" spans="1:8" s="211" customFormat="1" ht="30.75" customHeight="1" x14ac:dyDescent="0.2">
      <c r="A44" s="737" t="s">
        <v>600</v>
      </c>
      <c r="B44" s="207" t="s">
        <v>156</v>
      </c>
      <c r="C44" s="788" t="s">
        <v>157</v>
      </c>
      <c r="D44" s="789"/>
      <c r="E44" s="788" t="s">
        <v>158</v>
      </c>
      <c r="F44" s="789"/>
      <c r="G44" s="786" t="s">
        <v>346</v>
      </c>
      <c r="H44" s="790"/>
    </row>
    <row r="45" spans="1:8" s="211" customFormat="1" ht="11.25" customHeight="1" x14ac:dyDescent="0.2">
      <c r="A45" s="738"/>
      <c r="B45" s="749" t="s">
        <v>111</v>
      </c>
      <c r="C45" s="208" t="s">
        <v>114</v>
      </c>
      <c r="D45" s="208" t="s">
        <v>114</v>
      </c>
      <c r="E45" s="208" t="s">
        <v>114</v>
      </c>
      <c r="F45" s="208" t="s">
        <v>114</v>
      </c>
      <c r="G45" s="786" t="s">
        <v>873</v>
      </c>
      <c r="H45" s="786" t="s">
        <v>874</v>
      </c>
    </row>
    <row r="46" spans="1:8" s="211" customFormat="1" ht="17.25" customHeight="1" x14ac:dyDescent="0.2">
      <c r="A46" s="739"/>
      <c r="B46" s="855"/>
      <c r="C46" s="213">
        <v>2016</v>
      </c>
      <c r="D46" s="215">
        <v>2015</v>
      </c>
      <c r="E46" s="620">
        <v>2016</v>
      </c>
      <c r="F46" s="621">
        <v>2015</v>
      </c>
      <c r="G46" s="787"/>
      <c r="H46" s="787"/>
    </row>
    <row r="47" spans="1:8" s="211" customFormat="1" ht="11.25" customHeight="1" x14ac:dyDescent="0.2">
      <c r="A47" s="62" t="s">
        <v>601</v>
      </c>
      <c r="B47" s="317">
        <v>12080273503.34</v>
      </c>
      <c r="C47" s="317">
        <v>9281817369.6499996</v>
      </c>
      <c r="D47" s="317">
        <v>8398534650.3199997</v>
      </c>
      <c r="E47" s="317">
        <v>5324864460.7200003</v>
      </c>
      <c r="F47" s="476">
        <v>5752361588.25</v>
      </c>
      <c r="G47" s="525"/>
      <c r="H47" s="526"/>
    </row>
    <row r="48" spans="1:8" ht="11.25" customHeight="1" x14ac:dyDescent="0.2">
      <c r="A48" s="56" t="s">
        <v>205</v>
      </c>
      <c r="B48" s="527">
        <v>7388846939</v>
      </c>
      <c r="C48" s="527">
        <v>6463490813.1100006</v>
      </c>
      <c r="D48" s="662">
        <v>4552926411.6499996</v>
      </c>
      <c r="E48" s="527">
        <v>3789596416.9200001</v>
      </c>
      <c r="F48" s="529">
        <v>3506739167.04</v>
      </c>
      <c r="G48" s="530"/>
      <c r="H48" s="486"/>
    </row>
    <row r="49" spans="1:8" ht="11.25" customHeight="1" x14ac:dyDescent="0.2">
      <c r="A49" s="56" t="s">
        <v>602</v>
      </c>
      <c r="B49" s="527">
        <v>272069300</v>
      </c>
      <c r="C49" s="527">
        <v>270227689.14999998</v>
      </c>
      <c r="D49" s="528">
        <v>260835700</v>
      </c>
      <c r="E49" s="527">
        <v>92889740.129999995</v>
      </c>
      <c r="F49" s="529">
        <v>122223913.26000001</v>
      </c>
      <c r="G49" s="527"/>
      <c r="H49" s="486"/>
    </row>
    <row r="50" spans="1:8" ht="11.25" customHeight="1" x14ac:dyDescent="0.2">
      <c r="A50" s="56" t="s">
        <v>206</v>
      </c>
      <c r="B50" s="527">
        <v>4419357264.3400002</v>
      </c>
      <c r="C50" s="527">
        <v>2548098867.3899999</v>
      </c>
      <c r="D50" s="528">
        <v>3584772538.6700001</v>
      </c>
      <c r="E50" s="527">
        <v>1442378303.6700001</v>
      </c>
      <c r="F50" s="529">
        <v>2123398507.95</v>
      </c>
      <c r="G50" s="527"/>
      <c r="H50" s="486"/>
    </row>
    <row r="51" spans="1:8" ht="11.25" customHeight="1" x14ac:dyDescent="0.2">
      <c r="A51" s="115" t="s">
        <v>857</v>
      </c>
      <c r="B51" s="527">
        <v>920115222</v>
      </c>
      <c r="C51" s="527">
        <v>141591166.88999999</v>
      </c>
      <c r="D51" s="528">
        <v>1958993200</v>
      </c>
      <c r="E51" s="527">
        <v>95341166.890000001</v>
      </c>
      <c r="F51" s="529">
        <v>1054558922.08</v>
      </c>
      <c r="G51" s="527"/>
      <c r="H51" s="486"/>
    </row>
    <row r="52" spans="1:8" ht="11.25" customHeight="1" x14ac:dyDescent="0.2">
      <c r="A52" s="115" t="s">
        <v>858</v>
      </c>
      <c r="B52" s="527">
        <v>3499242042.3400002</v>
      </c>
      <c r="C52" s="527">
        <v>2406507700.5</v>
      </c>
      <c r="D52" s="528">
        <v>1625779338.6700001</v>
      </c>
      <c r="E52" s="527">
        <v>1347037136.78</v>
      </c>
      <c r="F52" s="529">
        <v>1068839585.87</v>
      </c>
      <c r="G52" s="527"/>
      <c r="H52" s="486"/>
    </row>
    <row r="53" spans="1:8" s="211" customFormat="1" ht="11.25" customHeight="1" x14ac:dyDescent="0.2">
      <c r="A53" s="62" t="s">
        <v>603</v>
      </c>
      <c r="B53" s="317">
        <v>11808204203.34</v>
      </c>
      <c r="C53" s="317">
        <v>9011589680.5</v>
      </c>
      <c r="D53" s="317">
        <v>8137698950.3199997</v>
      </c>
      <c r="E53" s="317">
        <v>5231974720.5900002</v>
      </c>
      <c r="F53" s="531">
        <v>5630137674.9899998</v>
      </c>
      <c r="G53" s="532"/>
      <c r="H53" s="533"/>
    </row>
    <row r="54" spans="1:8" s="211" customFormat="1" ht="11.25" customHeight="1" x14ac:dyDescent="0.2">
      <c r="A54" s="44" t="s">
        <v>604</v>
      </c>
      <c r="B54" s="317">
        <v>2405135876.6599998</v>
      </c>
      <c r="C54" s="317">
        <v>1518242287.0799999</v>
      </c>
      <c r="D54" s="317">
        <v>1102630120.21</v>
      </c>
      <c r="E54" s="317">
        <v>541995794.49000001</v>
      </c>
      <c r="F54" s="476">
        <v>574039262.80000007</v>
      </c>
      <c r="G54" s="317"/>
      <c r="H54" s="533"/>
    </row>
    <row r="55" spans="1:8" ht="11.25" customHeight="1" x14ac:dyDescent="0.2">
      <c r="A55" s="56" t="s">
        <v>574</v>
      </c>
      <c r="B55" s="527">
        <v>1700518276.6600001</v>
      </c>
      <c r="C55" s="527">
        <v>834930131.52999997</v>
      </c>
      <c r="D55" s="529">
        <v>444526119.80000001</v>
      </c>
      <c r="E55" s="527">
        <v>292297527.63999999</v>
      </c>
      <c r="F55" s="529">
        <v>213321736.59</v>
      </c>
      <c r="G55" s="527"/>
      <c r="H55" s="486"/>
    </row>
    <row r="56" spans="1:8" ht="11.25" customHeight="1" x14ac:dyDescent="0.2">
      <c r="A56" s="56" t="s">
        <v>240</v>
      </c>
      <c r="B56" s="527">
        <v>6381800</v>
      </c>
      <c r="C56" s="527">
        <v>164699.4</v>
      </c>
      <c r="D56" s="527">
        <v>501849.76</v>
      </c>
      <c r="E56" s="527">
        <v>164699.4</v>
      </c>
      <c r="F56" s="529">
        <v>353376.49</v>
      </c>
      <c r="G56" s="527"/>
      <c r="H56" s="486"/>
    </row>
    <row r="57" spans="1:8" ht="11.25" customHeight="1" x14ac:dyDescent="0.2">
      <c r="A57" s="56" t="s">
        <v>605</v>
      </c>
      <c r="B57" s="527">
        <v>790700</v>
      </c>
      <c r="C57" s="527">
        <v>164699.4</v>
      </c>
      <c r="D57" s="529">
        <v>473281</v>
      </c>
      <c r="E57" s="527">
        <v>164699.4</v>
      </c>
      <c r="F57" s="529">
        <v>473281</v>
      </c>
      <c r="G57" s="527"/>
      <c r="H57" s="486"/>
    </row>
    <row r="58" spans="1:8" ht="11.25" customHeight="1" x14ac:dyDescent="0.2">
      <c r="A58" s="56" t="s">
        <v>606</v>
      </c>
      <c r="B58" s="527">
        <v>0</v>
      </c>
      <c r="C58" s="527">
        <v>0</v>
      </c>
      <c r="D58" s="529">
        <v>0</v>
      </c>
      <c r="E58" s="527">
        <v>0</v>
      </c>
      <c r="F58" s="529">
        <v>0</v>
      </c>
      <c r="G58" s="527"/>
      <c r="H58" s="486"/>
    </row>
    <row r="59" spans="1:8" ht="11.25" customHeight="1" x14ac:dyDescent="0.2">
      <c r="A59" s="56" t="s">
        <v>607</v>
      </c>
      <c r="B59" s="527">
        <v>5591100</v>
      </c>
      <c r="C59" s="527">
        <v>0</v>
      </c>
      <c r="D59" s="529">
        <v>28568.76</v>
      </c>
      <c r="E59" s="527">
        <v>0</v>
      </c>
      <c r="F59" s="529">
        <v>-119904.51</v>
      </c>
      <c r="G59" s="527"/>
      <c r="H59" s="486"/>
    </row>
    <row r="60" spans="1:8" ht="11.25" customHeight="1" x14ac:dyDescent="0.2">
      <c r="A60" s="56" t="s">
        <v>608</v>
      </c>
      <c r="B60" s="527">
        <v>698235800</v>
      </c>
      <c r="C60" s="527">
        <v>683147456.14999998</v>
      </c>
      <c r="D60" s="529">
        <v>657602150.64999998</v>
      </c>
      <c r="E60" s="527">
        <v>249533567.44999999</v>
      </c>
      <c r="F60" s="529">
        <v>360364149.72000003</v>
      </c>
      <c r="G60" s="527"/>
      <c r="H60" s="486"/>
    </row>
    <row r="61" spans="1:8" s="211" customFormat="1" ht="11.25" customHeight="1" x14ac:dyDescent="0.2">
      <c r="A61" s="44" t="s">
        <v>609</v>
      </c>
      <c r="B61" s="317">
        <v>1706109376.6599998</v>
      </c>
      <c r="C61" s="317">
        <v>834930131.52999985</v>
      </c>
      <c r="D61" s="317">
        <v>444554688.56000006</v>
      </c>
      <c r="E61" s="317">
        <v>292297527.64000005</v>
      </c>
      <c r="F61" s="476">
        <v>213201832.08000004</v>
      </c>
      <c r="G61" s="317"/>
      <c r="H61" s="533"/>
    </row>
    <row r="62" spans="1:8" s="211" customFormat="1" ht="11.25" customHeight="1" x14ac:dyDescent="0.2">
      <c r="A62" s="44" t="s">
        <v>610</v>
      </c>
      <c r="B62" s="317">
        <v>128753000</v>
      </c>
      <c r="C62" s="317">
        <v>0</v>
      </c>
      <c r="D62" s="476">
        <v>0</v>
      </c>
      <c r="E62" s="317">
        <v>0</v>
      </c>
      <c r="F62" s="476">
        <v>0</v>
      </c>
      <c r="G62" s="317"/>
      <c r="H62" s="533"/>
    </row>
    <row r="63" spans="1:8" s="211" customFormat="1" ht="11.25" customHeight="1" x14ac:dyDescent="0.2">
      <c r="A63" s="44" t="s">
        <v>611</v>
      </c>
      <c r="B63" s="317">
        <v>0</v>
      </c>
      <c r="C63" s="317">
        <v>0</v>
      </c>
      <c r="D63" s="476">
        <v>0</v>
      </c>
      <c r="E63" s="317">
        <v>0</v>
      </c>
      <c r="F63" s="476">
        <v>0</v>
      </c>
      <c r="G63" s="317"/>
      <c r="H63" s="534"/>
    </row>
    <row r="64" spans="1:8" s="211" customFormat="1" ht="15" customHeight="1" x14ac:dyDescent="0.2">
      <c r="A64" s="117" t="s">
        <v>612</v>
      </c>
      <c r="B64" s="360">
        <v>13643066580</v>
      </c>
      <c r="C64" s="360">
        <v>9846519812.0300007</v>
      </c>
      <c r="D64" s="360">
        <v>8582253638.8800001</v>
      </c>
      <c r="E64" s="360">
        <v>5524272248.2300005</v>
      </c>
      <c r="F64" s="473">
        <v>5843339507.0699997</v>
      </c>
      <c r="G64" s="360">
        <v>0</v>
      </c>
      <c r="H64" s="362">
        <v>0</v>
      </c>
    </row>
    <row r="65" spans="1:8" ht="5.0999999999999996" customHeight="1" x14ac:dyDescent="0.2">
      <c r="A65" s="116"/>
      <c r="B65" s="535"/>
      <c r="C65" s="535"/>
      <c r="D65" s="535"/>
      <c r="E65" s="536"/>
      <c r="F65" s="486"/>
      <c r="G65" s="537"/>
      <c r="H65" s="486"/>
    </row>
    <row r="66" spans="1:8" s="211" customFormat="1" ht="15" customHeight="1" x14ac:dyDescent="0.2">
      <c r="A66" s="117" t="s">
        <v>613</v>
      </c>
      <c r="B66" s="475">
        <v>319153413.15999985</v>
      </c>
      <c r="C66" s="475">
        <v>-4279461382.4899998</v>
      </c>
      <c r="D66" s="360">
        <v>-2642795744.2000008</v>
      </c>
      <c r="E66" s="475">
        <v>42786181.31000042</v>
      </c>
      <c r="F66" s="475">
        <v>96118387.609999657</v>
      </c>
      <c r="G66" s="475">
        <v>0</v>
      </c>
      <c r="H66" s="229"/>
    </row>
    <row r="67" spans="1:8" ht="5.0999999999999996" customHeight="1" x14ac:dyDescent="0.2">
      <c r="A67" s="116"/>
      <c r="B67" s="535"/>
      <c r="C67" s="535"/>
      <c r="D67" s="535"/>
      <c r="E67" s="536"/>
      <c r="F67" s="486"/>
      <c r="G67" s="536"/>
      <c r="H67" s="486"/>
    </row>
    <row r="68" spans="1:8" s="211" customFormat="1" ht="15" customHeight="1" x14ac:dyDescent="0.2">
      <c r="A68" s="117" t="s">
        <v>614</v>
      </c>
      <c r="B68" s="484"/>
      <c r="C68" s="484"/>
      <c r="D68" s="484"/>
      <c r="E68" s="229"/>
      <c r="F68" s="229"/>
      <c r="G68" s="229"/>
      <c r="H68" s="229"/>
    </row>
    <row r="69" spans="1:8" ht="5.0999999999999996" customHeight="1" x14ac:dyDescent="0.2">
      <c r="A69" s="56"/>
      <c r="B69" s="217"/>
      <c r="C69" s="217"/>
      <c r="D69" s="217"/>
    </row>
    <row r="70" spans="1:8" s="226" customFormat="1" ht="11.25" customHeight="1" x14ac:dyDescent="0.2">
      <c r="A70" s="858" t="s">
        <v>565</v>
      </c>
      <c r="B70" s="858"/>
      <c r="C70" s="858"/>
      <c r="D70" s="859"/>
      <c r="E70" s="772" t="s">
        <v>566</v>
      </c>
      <c r="F70" s="773"/>
      <c r="G70" s="773"/>
      <c r="H70" s="773"/>
    </row>
    <row r="71" spans="1:8" s="226" customFormat="1" ht="11.25" customHeight="1" x14ac:dyDescent="0.2">
      <c r="A71" s="860"/>
      <c r="B71" s="860"/>
      <c r="C71" s="860"/>
      <c r="D71" s="861"/>
      <c r="E71" s="798"/>
      <c r="F71" s="799"/>
      <c r="G71" s="799"/>
      <c r="H71" s="799"/>
    </row>
    <row r="72" spans="1:8" ht="15" customHeight="1" x14ac:dyDescent="0.2">
      <c r="A72" s="862" t="s">
        <v>615</v>
      </c>
      <c r="B72" s="862"/>
      <c r="C72" s="862"/>
      <c r="D72" s="863"/>
      <c r="E72" s="856">
        <v>849118000</v>
      </c>
      <c r="F72" s="857"/>
      <c r="G72" s="857"/>
      <c r="H72" s="857"/>
    </row>
    <row r="73" spans="1:8" ht="11.25" customHeight="1" x14ac:dyDescent="0.2">
      <c r="A73" s="45" t="s">
        <v>846</v>
      </c>
      <c r="B73" s="154"/>
      <c r="C73" s="154"/>
      <c r="D73" s="154"/>
      <c r="E73" s="154"/>
      <c r="F73" s="154"/>
      <c r="G73" s="154"/>
      <c r="H73" s="292"/>
    </row>
    <row r="74" spans="1:8" s="216" customFormat="1" ht="11.25" customHeight="1" x14ac:dyDescent="0.2">
      <c r="B74" s="450"/>
      <c r="C74" s="450"/>
      <c r="D74" s="450"/>
      <c r="E74" s="450"/>
      <c r="F74" s="450"/>
    </row>
    <row r="75" spans="1:8" s="389" customFormat="1" ht="11.25" customHeight="1" x14ac:dyDescent="0.2">
      <c r="C75" s="449"/>
      <c r="D75" s="449"/>
      <c r="E75" s="449"/>
      <c r="F75" s="449"/>
    </row>
    <row r="82" spans="1:1" s="45" customFormat="1" ht="11.25" customHeight="1" x14ac:dyDescent="0.2"/>
    <row r="83" spans="1:1" s="45" customFormat="1" ht="11.25" customHeight="1" x14ac:dyDescent="0.2"/>
    <row r="84" spans="1:1" s="45" customFormat="1" ht="11.25" customHeight="1" x14ac:dyDescent="0.2">
      <c r="A84" s="45" t="s">
        <v>123</v>
      </c>
    </row>
    <row r="85" spans="1:1" s="45" customFormat="1" ht="11.25" customHeight="1" x14ac:dyDescent="0.2"/>
    <row r="86" spans="1:1" s="45" customFormat="1" ht="11.25" customHeight="1" x14ac:dyDescent="0.2"/>
    <row r="87" spans="1:1" s="45" customFormat="1" ht="11.25" customHeight="1" x14ac:dyDescent="0.2"/>
    <row r="88" spans="1:1" s="45"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52" orientation="portrait" r:id="rId1"/>
      <headerFooter alignWithMargins="0"/>
    </customSheetView>
    <customSheetView guid="{82EDB5A4-4824-4632-A540-7A52C92F04C7}" scale="95" showPageBreaks="1" showGridLines="0" printArea="1" topLeftCell="A36">
      <selection activeCell="F60" sqref="F60"/>
      <pageMargins left="0.19685039370078741" right="0.19685039370078741" top="0.39370078740157483" bottom="0.19685039370078741" header="0" footer="0"/>
      <printOptions horizontalCentered="1"/>
      <pageSetup paperSize="9" scale="65" orientation="landscape" r:id="rId2"/>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52" orientation="portrait" r:id="rId3"/>
      <headerFooter alignWithMargins="0"/>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4"/>
      <headerFooter alignWithMargins="0">
        <oddFooter>&amp;A</oddFooter>
      </headerFooter>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5"/>
      <headerFooter alignWithMargins="0">
        <oddFooter>&amp;A</oddFooter>
      </headerFooter>
    </customSheetView>
    <customSheetView guid="{B4FED47C-EE37-4843-A570-282D4F8229D4}" showGridLines="0" fitToPage="1">
      <selection activeCell="A8" sqref="A8"/>
      <pageMargins left="0.19685039370078741" right="0.19685039370078741" top="0.59055118110236227" bottom="0.19685039370078741" header="0" footer="0"/>
      <printOptions horizontalCentered="1"/>
      <pageSetup paperSize="9" scale="52" orientation="portrait" r:id="rId6"/>
      <headerFooter alignWithMargins="0"/>
    </customSheetView>
    <customSheetView guid="{6DBFA32C-4AA4-4E1D-9A48-697377C64CC3}" showPageBreaks="1" showGridLines="0" fitToPage="1" printArea="1" topLeftCell="A13">
      <selection activeCell="F75" sqref="F75"/>
      <pageMargins left="0.19685039370078741" right="0.19685039370078741" top="0.59055118110236227" bottom="0.19685039370078741" header="0" footer="0"/>
      <printOptions horizontalCentered="1"/>
      <pageSetup paperSize="9" scale="53" orientation="portrait" r:id="rId7"/>
      <headerFooter alignWithMargins="0"/>
    </customSheetView>
    <customSheetView guid="{25EF1E0D-169B-4051-B414-7E1196FC05E4}" showPageBreaks="1" showGridLines="0" fitToPage="1" printArea="1" topLeftCell="A10">
      <pane xSplit="1" ySplit="3" topLeftCell="B47" activePane="bottomRight" state="frozen"/>
      <selection pane="bottomRight" activeCell="D65" sqref="D65"/>
      <pageMargins left="0.19685039370078741" right="0.19685039370078741" top="0.59055118110236227" bottom="0.19685039370078741" header="0" footer="0"/>
      <printOptions horizontalCentered="1"/>
      <pageSetup paperSize="9" scale="52" orientation="portrait" r:id="rId8"/>
      <headerFooter alignWithMargins="0"/>
    </customSheetView>
  </customSheetViews>
  <mergeCells count="113">
    <mergeCell ref="E72:H72"/>
    <mergeCell ref="A70:D71"/>
    <mergeCell ref="E70:H71"/>
    <mergeCell ref="G44:H44"/>
    <mergeCell ref="C44:D44"/>
    <mergeCell ref="A72:D72"/>
    <mergeCell ref="A6:H6"/>
    <mergeCell ref="G45:G46"/>
    <mergeCell ref="H45:H46"/>
    <mergeCell ref="B18:C18"/>
    <mergeCell ref="B19:C19"/>
    <mergeCell ref="B20:C20"/>
    <mergeCell ref="B21:C21"/>
    <mergeCell ref="B22:C22"/>
    <mergeCell ref="B23:C23"/>
    <mergeCell ref="B24:C24"/>
    <mergeCell ref="B25:C25"/>
    <mergeCell ref="B26:C26"/>
    <mergeCell ref="B27:C27"/>
    <mergeCell ref="B28:C28"/>
    <mergeCell ref="B29:C29"/>
    <mergeCell ref="B30:C30"/>
    <mergeCell ref="B31:C31"/>
    <mergeCell ref="B32:C32"/>
    <mergeCell ref="A4:H4"/>
    <mergeCell ref="A3:H3"/>
    <mergeCell ref="E44:F44"/>
    <mergeCell ref="D11:E11"/>
    <mergeCell ref="D12:E12"/>
    <mergeCell ref="F11:H11"/>
    <mergeCell ref="F12:H12"/>
    <mergeCell ref="B10:C12"/>
    <mergeCell ref="D10:H10"/>
    <mergeCell ref="A44:A46"/>
    <mergeCell ref="B45:B46"/>
    <mergeCell ref="B13:C13"/>
    <mergeCell ref="B14:C14"/>
    <mergeCell ref="B15:C15"/>
    <mergeCell ref="B16:C16"/>
    <mergeCell ref="B17:C17"/>
    <mergeCell ref="A10:A12"/>
    <mergeCell ref="A7:H7"/>
    <mergeCell ref="A5:H5"/>
    <mergeCell ref="B38:C38"/>
    <mergeCell ref="B39:C39"/>
    <mergeCell ref="B40:C40"/>
    <mergeCell ref="B41:C41"/>
    <mergeCell ref="B42:C42"/>
    <mergeCell ref="B33:C33"/>
    <mergeCell ref="B34:C34"/>
    <mergeCell ref="B35:C35"/>
    <mergeCell ref="B36:C36"/>
    <mergeCell ref="B37:C37"/>
    <mergeCell ref="D18:E18"/>
    <mergeCell ref="D19:E19"/>
    <mergeCell ref="D20:E20"/>
    <mergeCell ref="D21:E21"/>
    <mergeCell ref="D22:E22"/>
    <mergeCell ref="D32:E32"/>
    <mergeCell ref="D13:E13"/>
    <mergeCell ref="D14:E14"/>
    <mergeCell ref="D15:E15"/>
    <mergeCell ref="D16:E16"/>
    <mergeCell ref="D17:E17"/>
    <mergeCell ref="D28:E28"/>
    <mergeCell ref="D29:E29"/>
    <mergeCell ref="D30:E30"/>
    <mergeCell ref="D31:E31"/>
    <mergeCell ref="D23:E23"/>
    <mergeCell ref="D24:E24"/>
    <mergeCell ref="D25:E25"/>
    <mergeCell ref="D26:E26"/>
    <mergeCell ref="D27:E27"/>
    <mergeCell ref="D38:E38"/>
    <mergeCell ref="D39:E39"/>
    <mergeCell ref="D40:E40"/>
    <mergeCell ref="D41:E41"/>
    <mergeCell ref="D42:E42"/>
    <mergeCell ref="D33:E33"/>
    <mergeCell ref="D34:E34"/>
    <mergeCell ref="D35:E35"/>
    <mergeCell ref="D36:E36"/>
    <mergeCell ref="D37:E37"/>
    <mergeCell ref="F18:H18"/>
    <mergeCell ref="F19:H19"/>
    <mergeCell ref="F20:H20"/>
    <mergeCell ref="F21:H21"/>
    <mergeCell ref="F22:H22"/>
    <mergeCell ref="F13:H13"/>
    <mergeCell ref="F14:H14"/>
    <mergeCell ref="F15:H15"/>
    <mergeCell ref="F16:H16"/>
    <mergeCell ref="F17:H17"/>
    <mergeCell ref="F28:H28"/>
    <mergeCell ref="F29:H29"/>
    <mergeCell ref="F30:H30"/>
    <mergeCell ref="F31:H31"/>
    <mergeCell ref="F32:H32"/>
    <mergeCell ref="F23:H23"/>
    <mergeCell ref="F24:H24"/>
    <mergeCell ref="F25:H25"/>
    <mergeCell ref="F26:H26"/>
    <mergeCell ref="F27:H27"/>
    <mergeCell ref="F38:H38"/>
    <mergeCell ref="F39:H39"/>
    <mergeCell ref="F40:H40"/>
    <mergeCell ref="F41:H41"/>
    <mergeCell ref="F42:H42"/>
    <mergeCell ref="F33:H33"/>
    <mergeCell ref="F34:H34"/>
    <mergeCell ref="F35:H35"/>
    <mergeCell ref="F36:H36"/>
    <mergeCell ref="F37:H37"/>
  </mergeCells>
  <printOptions horizontalCentered="1"/>
  <pageMargins left="0.19685039370078741" right="0.19685039370078741" top="0.39370078740157483" bottom="0.19685039370078741" header="0" footer="0"/>
  <pageSetup paperSize="9" scale="53" orientation="portrait" r:id="rId9"/>
  <headerFooter alignWithMargins="0"/>
  <drawing r:id="rId1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1</vt:i4>
      </vt:variant>
    </vt:vector>
  </HeadingPairs>
  <TitlesOfParts>
    <vt:vector size="25"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2 - Saúde (Estados)'!Area_de_impressao</vt:lpstr>
      <vt:lpstr>'Anexo 13 - Despesas PPP'!Area_de_impressao</vt:lpstr>
      <vt:lpstr>'Anexo 14 - Simplificado'!Area_de_impressao</vt:lpstr>
      <vt:lpstr>'Anexo 2 - Função'!Area_de_impressao</vt:lpstr>
      <vt:lpstr>'Anexo 3 - RCL Estados'!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07-27T15:38:17Z</cp:lastPrinted>
  <dcterms:created xsi:type="dcterms:W3CDTF">2004-08-09T19:29:24Z</dcterms:created>
  <dcterms:modified xsi:type="dcterms:W3CDTF">2016-07-28T11:50:55Z</dcterms:modified>
</cp:coreProperties>
</file>